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C:\Users\s02400\Desktop\"/>
    </mc:Choice>
  </mc:AlternateContent>
  <bookViews>
    <workbookView xWindow="0" yWindow="0" windowWidth="19180" windowHeight="8200"/>
  </bookViews>
  <sheets>
    <sheet name="Sheet1" sheetId="7" r:id="rId1"/>
  </sheets>
  <definedNames>
    <definedName name="_xlnm._FilterDatabase" localSheetId="0" hidden="1">Sheet1!$B$4:$D$319</definedName>
    <definedName name="_xlnm.Print_Area" localSheetId="0">Sheet1!$B$1:$D$318</definedName>
    <definedName name="_xlnm.Print_Titles" localSheetId="0">Sheet1!$1:$4</definedName>
    <definedName name="異動">#REF!</definedName>
    <definedName name="区分">#REF!</definedName>
  </definedNames>
  <calcPr calcId="162913"/>
</workbook>
</file>

<file path=xl/sharedStrings.xml><?xml version="1.0" encoding="utf-8"?>
<sst xmlns="http://schemas.openxmlformats.org/spreadsheetml/2006/main" count="946" uniqueCount="686">
  <si>
    <t>総務部総務事務センター</t>
    <rPh sb="0" eb="3">
      <t>ソウムブ</t>
    </rPh>
    <rPh sb="3" eb="7">
      <t>ソウムジム</t>
    </rPh>
    <phoneticPr fontId="1"/>
  </si>
  <si>
    <t>健康福祉部健康推進課</t>
    <rPh sb="0" eb="10">
      <t>ケンコウフクシブケンコウスイシンカ</t>
    </rPh>
    <phoneticPr fontId="1"/>
  </si>
  <si>
    <t>健康福祉部高齢者福祉課</t>
  </si>
  <si>
    <t>健康福祉部青少年家庭課</t>
  </si>
  <si>
    <t>健康福祉部薬事衛生課</t>
  </si>
  <si>
    <t>選挙管理委員会</t>
    <rPh sb="0" eb="2">
      <t>センキョ</t>
    </rPh>
    <rPh sb="2" eb="4">
      <t>カンリ</t>
    </rPh>
    <rPh sb="4" eb="7">
      <t>イインカイ</t>
    </rPh>
    <phoneticPr fontId="1"/>
  </si>
  <si>
    <t>島根県職員採用試験（資格を要しないもの）及び島根県職員採用選考試験（資格を要しないもの）</t>
    <rPh sb="20" eb="21">
      <t>オヨ</t>
    </rPh>
    <rPh sb="22" eb="25">
      <t>シマネケン</t>
    </rPh>
    <rPh sb="25" eb="27">
      <t>ショクイン</t>
    </rPh>
    <rPh sb="27" eb="29">
      <t>サイヨウ</t>
    </rPh>
    <rPh sb="29" eb="31">
      <t>センコウ</t>
    </rPh>
    <rPh sb="31" eb="33">
      <t>シケン</t>
    </rPh>
    <rPh sb="34" eb="36">
      <t>シカク</t>
    </rPh>
    <rPh sb="37" eb="38">
      <t>ヨウ</t>
    </rPh>
    <phoneticPr fontId="1"/>
  </si>
  <si>
    <t>島根県職員採用試験（資格を要するもの）、島根県職員採用選考試験（資格を要するもの）及び島根県警察官採用試験</t>
    <rPh sb="20" eb="23">
      <t>シマネケン</t>
    </rPh>
    <rPh sb="23" eb="25">
      <t>ショクイン</t>
    </rPh>
    <rPh sb="25" eb="27">
      <t>サイヨウ</t>
    </rPh>
    <rPh sb="27" eb="29">
      <t>センコウ</t>
    </rPh>
    <rPh sb="29" eb="31">
      <t>シケン</t>
    </rPh>
    <rPh sb="32" eb="34">
      <t>シカク</t>
    </rPh>
    <rPh sb="35" eb="36">
      <t>ヨウ</t>
    </rPh>
    <phoneticPr fontId="1"/>
  </si>
  <si>
    <t>健康福祉部地域福祉課</t>
  </si>
  <si>
    <t>個人情報ファイル簿の名称</t>
    <rPh sb="0" eb="2">
      <t>コジン</t>
    </rPh>
    <rPh sb="2" eb="4">
      <t>ジョウホウ</t>
    </rPh>
    <rPh sb="8" eb="9">
      <t>ボ</t>
    </rPh>
    <rPh sb="10" eb="12">
      <t>メイショウ</t>
    </rPh>
    <phoneticPr fontId="1"/>
  </si>
  <si>
    <t>電気工事士許認可ファイル</t>
    <rPh sb="0" eb="2">
      <t>デンキ</t>
    </rPh>
    <rPh sb="2" eb="4">
      <t>コウジ</t>
    </rPh>
    <rPh sb="4" eb="5">
      <t>シ</t>
    </rPh>
    <rPh sb="5" eb="8">
      <t>キョニンカ</t>
    </rPh>
    <phoneticPr fontId="1"/>
  </si>
  <si>
    <t>明るい選挙啓発ポスター募集ファイル</t>
    <phoneticPr fontId="1"/>
  </si>
  <si>
    <t>政治団体の届出ファイル</t>
    <phoneticPr fontId="1"/>
  </si>
  <si>
    <t>県の公金に係る収納及び支払ファイル</t>
    <rPh sb="0" eb="1">
      <t>ケン</t>
    </rPh>
    <rPh sb="2" eb="4">
      <t>コウキン</t>
    </rPh>
    <rPh sb="5" eb="6">
      <t>カカ</t>
    </rPh>
    <rPh sb="7" eb="9">
      <t>シュウノウ</t>
    </rPh>
    <rPh sb="9" eb="10">
      <t>オヨ</t>
    </rPh>
    <rPh sb="11" eb="13">
      <t>シハラ</t>
    </rPh>
    <phoneticPr fontId="1"/>
  </si>
  <si>
    <t>住民基本台帳ネットワークシステム本人確認情報処理ファイル</t>
    <phoneticPr fontId="1"/>
  </si>
  <si>
    <t>港勢調査に関するファイル</t>
    <rPh sb="0" eb="4">
      <t>コウセイチョウサ</t>
    </rPh>
    <rPh sb="5" eb="6">
      <t>カン</t>
    </rPh>
    <phoneticPr fontId="1"/>
  </si>
  <si>
    <t>水産流通適正化法に係る事務に関するファイル</t>
    <rPh sb="0" eb="2">
      <t>スイサン</t>
    </rPh>
    <rPh sb="2" eb="4">
      <t>リュウツウ</t>
    </rPh>
    <rPh sb="4" eb="7">
      <t>テキセイカ</t>
    </rPh>
    <rPh sb="7" eb="8">
      <t>ホウ</t>
    </rPh>
    <rPh sb="9" eb="10">
      <t>カカ</t>
    </rPh>
    <rPh sb="11" eb="13">
      <t>ジム</t>
    </rPh>
    <rPh sb="14" eb="15">
      <t>カン</t>
    </rPh>
    <phoneticPr fontId="1"/>
  </si>
  <si>
    <t>総務部情報システム推進課</t>
    <phoneticPr fontId="1"/>
  </si>
  <si>
    <t>しまね電子申請サービスの利用者ＩＤ発行ファイル</t>
    <phoneticPr fontId="1"/>
  </si>
  <si>
    <t>教育庁文化財課</t>
    <rPh sb="0" eb="3">
      <t>キョウイクチョウ</t>
    </rPh>
    <rPh sb="3" eb="6">
      <t>ブンカザイ</t>
    </rPh>
    <rPh sb="6" eb="7">
      <t>カ</t>
    </rPh>
    <phoneticPr fontId="1"/>
  </si>
  <si>
    <t>銃砲刀剣類登録ファイル</t>
    <rPh sb="0" eb="2">
      <t>ジュウホウ</t>
    </rPh>
    <rPh sb="2" eb="4">
      <t>トウケン</t>
    </rPh>
    <rPh sb="4" eb="5">
      <t>ルイ</t>
    </rPh>
    <rPh sb="5" eb="7">
      <t>トウロク</t>
    </rPh>
    <phoneticPr fontId="1"/>
  </si>
  <si>
    <t>統計功労者表彰ファイル</t>
    <rPh sb="0" eb="5">
      <t>トウケイコウロウスア</t>
    </rPh>
    <rPh sb="5" eb="7">
      <t>ヒョウショウ</t>
    </rPh>
    <phoneticPr fontId="1"/>
  </si>
  <si>
    <t>教育職員の普通免許状授与ファイル</t>
    <rPh sb="0" eb="4">
      <t>キョウイクショクイン</t>
    </rPh>
    <rPh sb="5" eb="12">
      <t>フツウメンキョジョウジュヨ</t>
    </rPh>
    <phoneticPr fontId="1"/>
  </si>
  <si>
    <t>教育職員免許状更新ファイル</t>
    <rPh sb="0" eb="9">
      <t>キョウイクショクインメンキョジョウコウシン</t>
    </rPh>
    <phoneticPr fontId="1"/>
  </si>
  <si>
    <t>高等学校学び直し支援金支給ファイル</t>
    <rPh sb="0" eb="2">
      <t>コウトウ</t>
    </rPh>
    <rPh sb="2" eb="4">
      <t>ガッコウ</t>
    </rPh>
    <rPh sb="4" eb="5">
      <t>マナ</t>
    </rPh>
    <rPh sb="6" eb="7">
      <t>ナオ</t>
    </rPh>
    <rPh sb="8" eb="11">
      <t>シエンキン</t>
    </rPh>
    <rPh sb="11" eb="13">
      <t>シキュウ</t>
    </rPh>
    <phoneticPr fontId="1"/>
  </si>
  <si>
    <t>高等学校等就学支援金支給ファイル</t>
    <rPh sb="0" eb="2">
      <t>コウトウ</t>
    </rPh>
    <rPh sb="2" eb="4">
      <t>ガッコウ</t>
    </rPh>
    <rPh sb="4" eb="5">
      <t>トウ</t>
    </rPh>
    <rPh sb="5" eb="7">
      <t>シュウガク</t>
    </rPh>
    <rPh sb="7" eb="10">
      <t>シエンキン</t>
    </rPh>
    <rPh sb="10" eb="12">
      <t>シキュウ</t>
    </rPh>
    <phoneticPr fontId="1"/>
  </si>
  <si>
    <t>高等学校等奨学のための給付金支給ファイル</t>
    <rPh sb="0" eb="2">
      <t>コウトウ</t>
    </rPh>
    <rPh sb="2" eb="4">
      <t>ガッコウ</t>
    </rPh>
    <rPh sb="4" eb="5">
      <t>トウ</t>
    </rPh>
    <rPh sb="5" eb="7">
      <t>ショウガク</t>
    </rPh>
    <rPh sb="11" eb="14">
      <t>キュウフキン</t>
    </rPh>
    <rPh sb="14" eb="16">
      <t>シキュウ</t>
    </rPh>
    <phoneticPr fontId="1"/>
  </si>
  <si>
    <t>島根県立高等学校就学支援金支給ファイル</t>
    <rPh sb="0" eb="2">
      <t>シマネ</t>
    </rPh>
    <rPh sb="2" eb="4">
      <t>ケンリツ</t>
    </rPh>
    <rPh sb="4" eb="6">
      <t>コウトウ</t>
    </rPh>
    <rPh sb="6" eb="8">
      <t>ガッコウ</t>
    </rPh>
    <rPh sb="8" eb="10">
      <t>シュウガク</t>
    </rPh>
    <rPh sb="10" eb="13">
      <t>シエンキン</t>
    </rPh>
    <rPh sb="13" eb="15">
      <t>シキュウ</t>
    </rPh>
    <phoneticPr fontId="1"/>
  </si>
  <si>
    <t>島根県高等学校等専攻科修学支援金支給ファイル</t>
    <rPh sb="0" eb="3">
      <t>シマネケン</t>
    </rPh>
    <rPh sb="3" eb="5">
      <t>コウトウ</t>
    </rPh>
    <rPh sb="5" eb="7">
      <t>ガッコウ</t>
    </rPh>
    <rPh sb="7" eb="8">
      <t>トウ</t>
    </rPh>
    <rPh sb="8" eb="10">
      <t>センコウ</t>
    </rPh>
    <rPh sb="10" eb="11">
      <t>カ</t>
    </rPh>
    <rPh sb="11" eb="13">
      <t>シュウガク</t>
    </rPh>
    <rPh sb="13" eb="16">
      <t>シエンキン</t>
    </rPh>
    <rPh sb="16" eb="18">
      <t>シキュウ</t>
    </rPh>
    <phoneticPr fontId="1"/>
  </si>
  <si>
    <t>島根県公立高等学校等専攻科生奨学のための給付金支給ファイル</t>
    <rPh sb="0" eb="3">
      <t>シマネケン</t>
    </rPh>
    <rPh sb="3" eb="5">
      <t>コウリツ</t>
    </rPh>
    <rPh sb="5" eb="7">
      <t>コウトウ</t>
    </rPh>
    <rPh sb="7" eb="9">
      <t>ガッコウ</t>
    </rPh>
    <rPh sb="9" eb="10">
      <t>トウ</t>
    </rPh>
    <rPh sb="10" eb="12">
      <t>センコウ</t>
    </rPh>
    <rPh sb="12" eb="13">
      <t>カ</t>
    </rPh>
    <rPh sb="13" eb="14">
      <t>セイ</t>
    </rPh>
    <rPh sb="14" eb="16">
      <t>ショウガク</t>
    </rPh>
    <rPh sb="20" eb="23">
      <t>キュウフキン</t>
    </rPh>
    <rPh sb="23" eb="25">
      <t>シキュウ</t>
    </rPh>
    <phoneticPr fontId="1"/>
  </si>
  <si>
    <t>学校運営協議会委員選任ファイル</t>
    <rPh sb="0" eb="2">
      <t>ガッコウ</t>
    </rPh>
    <rPh sb="2" eb="4">
      <t>ウンエイ</t>
    </rPh>
    <rPh sb="4" eb="7">
      <t>キョウギカイ</t>
    </rPh>
    <rPh sb="7" eb="9">
      <t>イイン</t>
    </rPh>
    <rPh sb="9" eb="11">
      <t>センニン</t>
    </rPh>
    <phoneticPr fontId="1"/>
  </si>
  <si>
    <t>教育庁特別支援教育課、県立特別支援学校</t>
    <phoneticPr fontId="1"/>
  </si>
  <si>
    <t>特別支援教育就学奨励費の支弁区分ファイル</t>
    <phoneticPr fontId="1"/>
  </si>
  <si>
    <t>島根県公立学校教員採用候補者選考試験ファイル</t>
    <rPh sb="0" eb="3">
      <t>シマネケン</t>
    </rPh>
    <rPh sb="3" eb="5">
      <t>コウリツ</t>
    </rPh>
    <rPh sb="5" eb="7">
      <t>ガッコウ</t>
    </rPh>
    <rPh sb="7" eb="9">
      <t>キョウイン</t>
    </rPh>
    <rPh sb="9" eb="11">
      <t>サイヨウ</t>
    </rPh>
    <rPh sb="11" eb="14">
      <t>コウホシャ</t>
    </rPh>
    <rPh sb="14" eb="16">
      <t>センコウ</t>
    </rPh>
    <rPh sb="16" eb="18">
      <t>シケン</t>
    </rPh>
    <phoneticPr fontId="1"/>
  </si>
  <si>
    <t>採石業務管理者名簿</t>
  </si>
  <si>
    <t>砂利採取業務主任者名簿</t>
  </si>
  <si>
    <t>土木部河川課、隠岐支庁県土整備局、各県土整備事務所</t>
    <phoneticPr fontId="1"/>
  </si>
  <si>
    <t>農林水産部農業経営課</t>
    <rPh sb="0" eb="2">
      <t>ノウリン</t>
    </rPh>
    <rPh sb="2" eb="5">
      <t>スイサンブ</t>
    </rPh>
    <rPh sb="5" eb="7">
      <t>ノウギョウ</t>
    </rPh>
    <rPh sb="7" eb="10">
      <t>ケイエイカ</t>
    </rPh>
    <phoneticPr fontId="1"/>
  </si>
  <si>
    <t>農地中間管理事業に関するファイル</t>
    <rPh sb="0" eb="2">
      <t>ノウチ</t>
    </rPh>
    <rPh sb="2" eb="4">
      <t>チュウカン</t>
    </rPh>
    <rPh sb="4" eb="6">
      <t>カンリ</t>
    </rPh>
    <rPh sb="6" eb="8">
      <t>ジギョウ</t>
    </rPh>
    <rPh sb="9" eb="10">
      <t>カン</t>
    </rPh>
    <phoneticPr fontId="1"/>
  </si>
  <si>
    <t>遊休農地に関する措置状況調査に関するファイル</t>
    <rPh sb="0" eb="2">
      <t>ユウキュウ</t>
    </rPh>
    <rPh sb="2" eb="4">
      <t>ノウチ</t>
    </rPh>
    <rPh sb="5" eb="6">
      <t>カン</t>
    </rPh>
    <rPh sb="8" eb="10">
      <t>ソチ</t>
    </rPh>
    <rPh sb="10" eb="12">
      <t>ジョウキョウ</t>
    </rPh>
    <rPh sb="12" eb="14">
      <t>チョウサ</t>
    </rPh>
    <rPh sb="15" eb="16">
      <t>カン</t>
    </rPh>
    <phoneticPr fontId="1"/>
  </si>
  <si>
    <t>学籍簿整備ファイル</t>
    <rPh sb="0" eb="2">
      <t>ガクセキ</t>
    </rPh>
    <rPh sb="2" eb="3">
      <t>ボ</t>
    </rPh>
    <rPh sb="3" eb="5">
      <t>セイビ</t>
    </rPh>
    <phoneticPr fontId="1"/>
  </si>
  <si>
    <t>教育庁教育指導課、県立高等学校</t>
    <rPh sb="0" eb="3">
      <t>キョウイクチョウ</t>
    </rPh>
    <rPh sb="3" eb="8">
      <t>キョウイクシドウカ</t>
    </rPh>
    <rPh sb="9" eb="11">
      <t>ケンリツ</t>
    </rPh>
    <rPh sb="11" eb="13">
      <t>コウトウ</t>
    </rPh>
    <rPh sb="13" eb="15">
      <t>ガッコウ</t>
    </rPh>
    <phoneticPr fontId="1"/>
  </si>
  <si>
    <t>高等学校入学者選抜に関するファイル</t>
  </si>
  <si>
    <t>教育庁教育指導課、県立高等学校</t>
    <rPh sb="0" eb="3">
      <t>キョウイクチョウ</t>
    </rPh>
    <rPh sb="3" eb="5">
      <t>キョウイク</t>
    </rPh>
    <rPh sb="5" eb="7">
      <t>シドウ</t>
    </rPh>
    <rPh sb="7" eb="8">
      <t>カ</t>
    </rPh>
    <rPh sb="9" eb="11">
      <t>ケンリツ</t>
    </rPh>
    <rPh sb="11" eb="13">
      <t>コウトウ</t>
    </rPh>
    <rPh sb="13" eb="15">
      <t>ガッコウ</t>
    </rPh>
    <phoneticPr fontId="1"/>
  </si>
  <si>
    <t>日本スポーツ振興エンター災害共済に関するファイル</t>
  </si>
  <si>
    <t>教育庁教育指導課</t>
    <rPh sb="0" eb="3">
      <t>キョウイクチョウ</t>
    </rPh>
    <rPh sb="3" eb="5">
      <t>キョウイク</t>
    </rPh>
    <rPh sb="5" eb="7">
      <t>シドウ</t>
    </rPh>
    <rPh sb="7" eb="8">
      <t>カ</t>
    </rPh>
    <phoneticPr fontId="1"/>
  </si>
  <si>
    <t>ICT活用教育に関するファイル</t>
  </si>
  <si>
    <t>学校安全事故報告に関するファイル</t>
    <rPh sb="0" eb="2">
      <t>ガッコウ</t>
    </rPh>
    <rPh sb="2" eb="4">
      <t>アンゼン</t>
    </rPh>
    <rPh sb="4" eb="6">
      <t>ジコ</t>
    </rPh>
    <rPh sb="6" eb="8">
      <t>ホウコク</t>
    </rPh>
    <rPh sb="9" eb="10">
      <t>カン</t>
    </rPh>
    <phoneticPr fontId="1"/>
  </si>
  <si>
    <t>個人事業税課税ファイル（賦課資料の収集、事業内容等の照会事務を含む。）</t>
  </si>
  <si>
    <t>承継取得（不動産の売買、贈与、交換等）に係る不動産取得税課税ファイル</t>
  </si>
  <si>
    <t>家屋の原始取得（新築、増築、改築）に係る不動産取得税課税ファイル（市町村評価分）</t>
  </si>
  <si>
    <t>家屋の原始取得（新築、増築、改築）に係る不動産取得税課税ファイル（県評価分）</t>
  </si>
  <si>
    <t>不動産取得税に関する非課税等の確認ファイル</t>
  </si>
  <si>
    <t>承継取得（不動産の売買、贈与、交換等）に係る不動産取得税減額ファイル</t>
  </si>
  <si>
    <t>ゴルフ場利用税の軽減税率適用対象のうち競技会における軽減税率承認ファイル</t>
  </si>
  <si>
    <t>自動車税種別割の課税ファイル</t>
  </si>
  <si>
    <t>狩猟税課税ファイル</t>
    <rPh sb="0" eb="2">
      <t>シュリョウ</t>
    </rPh>
    <rPh sb="2" eb="3">
      <t>ゼイ</t>
    </rPh>
    <rPh sb="3" eb="5">
      <t>カゼイ</t>
    </rPh>
    <phoneticPr fontId="1"/>
  </si>
  <si>
    <t>自動車税環境性能割の調定ファイル</t>
    <rPh sb="0" eb="3">
      <t>ジドウシャ</t>
    </rPh>
    <rPh sb="3" eb="4">
      <t>ゼイ</t>
    </rPh>
    <rPh sb="4" eb="6">
      <t>カンキョウ</t>
    </rPh>
    <rPh sb="6" eb="8">
      <t>セイノウ</t>
    </rPh>
    <rPh sb="8" eb="9">
      <t>ワリ</t>
    </rPh>
    <rPh sb="10" eb="12">
      <t>チョウテイ</t>
    </rPh>
    <phoneticPr fontId="1"/>
  </si>
  <si>
    <t>軽油引取税調定ファイル</t>
    <rPh sb="5" eb="7">
      <t>チョウテイ</t>
    </rPh>
    <phoneticPr fontId="1"/>
  </si>
  <si>
    <t>軽油引取税の軽油流通管理ファイル</t>
  </si>
  <si>
    <t>軽油引取税に係る免税証の交付及び管理ファイル</t>
  </si>
  <si>
    <t>特定地域の振興を促進するための県税の課税免除等に関する条例の規定に基づく法人事業税の課税免除等ファイル</t>
  </si>
  <si>
    <t>身体障害者等に係る自動車税種別割の減免ファイル</t>
  </si>
  <si>
    <t>法人県民税・事業税の課税に関する法人の登録ファイル</t>
    <rPh sb="0" eb="2">
      <t>ホウジン</t>
    </rPh>
    <rPh sb="2" eb="5">
      <t>ケンミンゼイ</t>
    </rPh>
    <rPh sb="6" eb="9">
      <t>ジギョウゼイ</t>
    </rPh>
    <rPh sb="10" eb="12">
      <t>カゼイ</t>
    </rPh>
    <rPh sb="13" eb="14">
      <t>カン</t>
    </rPh>
    <rPh sb="16" eb="18">
      <t>ホウジン</t>
    </rPh>
    <rPh sb="19" eb="21">
      <t>トウロク</t>
    </rPh>
    <phoneticPr fontId="1"/>
  </si>
  <si>
    <t>法人県民税・事業税の調定ファイル</t>
    <rPh sb="0" eb="2">
      <t>ホウジン</t>
    </rPh>
    <rPh sb="2" eb="5">
      <t>ケンミンゼイ</t>
    </rPh>
    <rPh sb="6" eb="8">
      <t>ジギョウ</t>
    </rPh>
    <rPh sb="8" eb="9">
      <t>ゼイ</t>
    </rPh>
    <rPh sb="10" eb="12">
      <t>チョウテイ</t>
    </rPh>
    <phoneticPr fontId="1"/>
  </si>
  <si>
    <t>法人県民税・事業税の法人実態調査ファイル</t>
    <rPh sb="0" eb="2">
      <t>ホウジン</t>
    </rPh>
    <rPh sb="2" eb="5">
      <t>ケンミンゼイ</t>
    </rPh>
    <rPh sb="6" eb="9">
      <t>ジギョウゼイ</t>
    </rPh>
    <rPh sb="10" eb="12">
      <t>ホウジン</t>
    </rPh>
    <rPh sb="12" eb="14">
      <t>ジッタイ</t>
    </rPh>
    <rPh sb="14" eb="16">
      <t>チョウサ</t>
    </rPh>
    <phoneticPr fontId="1"/>
  </si>
  <si>
    <t>ゴルフ場利用税の非課税適用ファイル</t>
    <rPh sb="3" eb="4">
      <t>ジョウ</t>
    </rPh>
    <rPh sb="4" eb="6">
      <t>リヨウ</t>
    </rPh>
    <rPh sb="6" eb="7">
      <t>ゼイ</t>
    </rPh>
    <rPh sb="8" eb="11">
      <t>ヒカゼイ</t>
    </rPh>
    <rPh sb="11" eb="13">
      <t>テキヨウ</t>
    </rPh>
    <phoneticPr fontId="1"/>
  </si>
  <si>
    <t>土木部土木総務課、各県土整備事務所（隠岐含む）</t>
    <rPh sb="0" eb="3">
      <t>ドボクブ</t>
    </rPh>
    <rPh sb="3" eb="5">
      <t>ドボク</t>
    </rPh>
    <rPh sb="5" eb="8">
      <t>ソウムカ</t>
    </rPh>
    <rPh sb="9" eb="10">
      <t>カク</t>
    </rPh>
    <rPh sb="10" eb="12">
      <t>ケンド</t>
    </rPh>
    <rPh sb="12" eb="14">
      <t>セイビ</t>
    </rPh>
    <rPh sb="14" eb="17">
      <t>ジムショ</t>
    </rPh>
    <rPh sb="18" eb="20">
      <t>オキ</t>
    </rPh>
    <rPh sb="20" eb="21">
      <t>フク</t>
    </rPh>
    <phoneticPr fontId="1"/>
  </si>
  <si>
    <t>土木部各課、土木部各地方機関</t>
    <rPh sb="0" eb="3">
      <t>ドボクブ</t>
    </rPh>
    <rPh sb="3" eb="5">
      <t>カクカ</t>
    </rPh>
    <rPh sb="6" eb="9">
      <t>ドボクブ</t>
    </rPh>
    <rPh sb="9" eb="12">
      <t>カクチホウ</t>
    </rPh>
    <rPh sb="12" eb="14">
      <t>キカン</t>
    </rPh>
    <phoneticPr fontId="1"/>
  </si>
  <si>
    <t>土木部土木総務課</t>
    <rPh sb="0" eb="8">
      <t>ドボクブドボクソウムカ</t>
    </rPh>
    <phoneticPr fontId="1"/>
  </si>
  <si>
    <t>経営事項審査ファイル</t>
  </si>
  <si>
    <t>建設業許可ファイル</t>
  </si>
  <si>
    <t>島根県建設工事等請負契約ファイル</t>
  </si>
  <si>
    <t>工事の一般競争入札に関する入札参加資格審査</t>
  </si>
  <si>
    <t>人事委員会事務局</t>
    <rPh sb="0" eb="8">
      <t>ジンジイインカイジムキョク</t>
    </rPh>
    <phoneticPr fontId="1"/>
  </si>
  <si>
    <t>生涯学習指導者・担当者研修のためのファイル</t>
    <phoneticPr fontId="1"/>
  </si>
  <si>
    <t>図書館利用者（貸出者）の登録に関するファイル</t>
    <phoneticPr fontId="1"/>
  </si>
  <si>
    <t>土木部建築住宅課</t>
    <rPh sb="0" eb="3">
      <t>ドボクブ</t>
    </rPh>
    <rPh sb="3" eb="5">
      <t>ケンチク</t>
    </rPh>
    <rPh sb="5" eb="8">
      <t>ジュウタクカ</t>
    </rPh>
    <phoneticPr fontId="1"/>
  </si>
  <si>
    <t>県営住宅敷地内自動車保管簿</t>
    <rPh sb="12" eb="13">
      <t>ボ</t>
    </rPh>
    <phoneticPr fontId="1"/>
  </si>
  <si>
    <t>家賃等滞納整理簿</t>
    <rPh sb="5" eb="7">
      <t>セイリ</t>
    </rPh>
    <rPh sb="7" eb="8">
      <t>ボ</t>
    </rPh>
    <phoneticPr fontId="1"/>
  </si>
  <si>
    <t>家賃等滞納整理簿（連帯保証人）</t>
    <rPh sb="7" eb="8">
      <t>ボ</t>
    </rPh>
    <rPh sb="9" eb="11">
      <t>レンタイ</t>
    </rPh>
    <rPh sb="11" eb="14">
      <t>ホショウニン</t>
    </rPh>
    <phoneticPr fontId="1"/>
  </si>
  <si>
    <t>県営住宅家賃・敷金管理簿</t>
    <rPh sb="9" eb="12">
      <t>カンリボ</t>
    </rPh>
    <phoneticPr fontId="1"/>
  </si>
  <si>
    <t>県営住宅入居・異動・退去管理簿</t>
    <rPh sb="14" eb="15">
      <t>ボ</t>
    </rPh>
    <phoneticPr fontId="1"/>
  </si>
  <si>
    <t>県営住宅入居者の（連帯）保証人管理簿</t>
    <rPh sb="17" eb="18">
      <t>ボ</t>
    </rPh>
    <phoneticPr fontId="1"/>
  </si>
  <si>
    <t>高額所得者に対する明渡請求</t>
    <phoneticPr fontId="1"/>
  </si>
  <si>
    <t>宅地建物取引業者名簿</t>
    <rPh sb="0" eb="2">
      <t>タクチ</t>
    </rPh>
    <rPh sb="2" eb="4">
      <t>タテモノ</t>
    </rPh>
    <rPh sb="4" eb="7">
      <t>トリヒキギョウ</t>
    </rPh>
    <rPh sb="7" eb="8">
      <t>シャ</t>
    </rPh>
    <rPh sb="8" eb="10">
      <t>メイボ</t>
    </rPh>
    <phoneticPr fontId="1"/>
  </si>
  <si>
    <t>宅地建物取引士資格登録簿</t>
    <rPh sb="0" eb="2">
      <t>タクチ</t>
    </rPh>
    <rPh sb="2" eb="4">
      <t>タテモノ</t>
    </rPh>
    <rPh sb="4" eb="6">
      <t>トリヒキ</t>
    </rPh>
    <rPh sb="6" eb="7">
      <t>シ</t>
    </rPh>
    <rPh sb="7" eb="9">
      <t>シカク</t>
    </rPh>
    <rPh sb="9" eb="12">
      <t>トウロクボ</t>
    </rPh>
    <phoneticPr fontId="1"/>
  </si>
  <si>
    <t>２級・木造建築士試験受験者名簿</t>
    <rPh sb="1" eb="2">
      <t>キュウ</t>
    </rPh>
    <rPh sb="3" eb="5">
      <t>モクゾウ</t>
    </rPh>
    <rPh sb="5" eb="8">
      <t>ケンチクシ</t>
    </rPh>
    <rPh sb="8" eb="10">
      <t>シケン</t>
    </rPh>
    <rPh sb="10" eb="13">
      <t>ジュケンシャ</t>
    </rPh>
    <rPh sb="13" eb="15">
      <t>メイボ</t>
    </rPh>
    <phoneticPr fontId="2"/>
  </si>
  <si>
    <t>２級建築士名簿・木造建築士名簿</t>
    <rPh sb="1" eb="2">
      <t>キュウ</t>
    </rPh>
    <rPh sb="2" eb="5">
      <t>ケンチクシ</t>
    </rPh>
    <rPh sb="5" eb="7">
      <t>メイボ</t>
    </rPh>
    <rPh sb="8" eb="10">
      <t>モクゾウ</t>
    </rPh>
    <rPh sb="10" eb="13">
      <t>ケンチクシ</t>
    </rPh>
    <rPh sb="13" eb="15">
      <t>メイボ</t>
    </rPh>
    <phoneticPr fontId="2"/>
  </si>
  <si>
    <t>建築士事務所登録簿</t>
  </si>
  <si>
    <t>特殊建築物等定期報告書</t>
    <rPh sb="0" eb="2">
      <t>トクシュ</t>
    </rPh>
    <rPh sb="2" eb="5">
      <t>ケンチクブツ</t>
    </rPh>
    <rPh sb="5" eb="6">
      <t>トウ</t>
    </rPh>
    <rPh sb="6" eb="8">
      <t>テイキ</t>
    </rPh>
    <rPh sb="8" eb="11">
      <t>ホウコクショ</t>
    </rPh>
    <phoneticPr fontId="5"/>
  </si>
  <si>
    <t>建築士法第２３条の６の規定による設計等の業務に関する報告書</t>
    <rPh sb="0" eb="4">
      <t>ケンチクシホウ</t>
    </rPh>
    <rPh sb="4" eb="5">
      <t>ダイ</t>
    </rPh>
    <rPh sb="7" eb="8">
      <t>ジョウ</t>
    </rPh>
    <rPh sb="11" eb="13">
      <t>キテイ</t>
    </rPh>
    <rPh sb="16" eb="18">
      <t>セッケイ</t>
    </rPh>
    <rPh sb="18" eb="19">
      <t>トウ</t>
    </rPh>
    <rPh sb="20" eb="22">
      <t>ギョウム</t>
    </rPh>
    <rPh sb="23" eb="24">
      <t>カン</t>
    </rPh>
    <rPh sb="26" eb="29">
      <t>ホウコクショ</t>
    </rPh>
    <phoneticPr fontId="5"/>
  </si>
  <si>
    <t>住宅瑕疵担保履行法に係る資力確保に関する届出</t>
    <rPh sb="0" eb="2">
      <t>ジュウタク</t>
    </rPh>
    <rPh sb="2" eb="4">
      <t>カシ</t>
    </rPh>
    <rPh sb="4" eb="6">
      <t>タンポ</t>
    </rPh>
    <rPh sb="6" eb="8">
      <t>リコウ</t>
    </rPh>
    <rPh sb="8" eb="9">
      <t>ホウ</t>
    </rPh>
    <rPh sb="10" eb="11">
      <t>カカワ</t>
    </rPh>
    <rPh sb="12" eb="14">
      <t>シリョク</t>
    </rPh>
    <rPh sb="14" eb="16">
      <t>カクホ</t>
    </rPh>
    <rPh sb="17" eb="18">
      <t>カン</t>
    </rPh>
    <rPh sb="20" eb="22">
      <t>トドケデ</t>
    </rPh>
    <phoneticPr fontId="1"/>
  </si>
  <si>
    <t>感染症の患者に係る医師の届出ファイル</t>
  </si>
  <si>
    <t>感染症の発生の状況、動向及び原因の調査に係るファイル</t>
  </si>
  <si>
    <t>公共事業に係る用地の取得及び使用、損失補償等に関するファイル</t>
    <rPh sb="0" eb="2">
      <t>コウキョウ</t>
    </rPh>
    <rPh sb="2" eb="4">
      <t>ジギョウ</t>
    </rPh>
    <rPh sb="5" eb="6">
      <t>カカ</t>
    </rPh>
    <rPh sb="7" eb="9">
      <t>ヨウチ</t>
    </rPh>
    <rPh sb="10" eb="12">
      <t>シュトク</t>
    </rPh>
    <rPh sb="12" eb="13">
      <t>オヨ</t>
    </rPh>
    <rPh sb="14" eb="16">
      <t>シヨウ</t>
    </rPh>
    <rPh sb="17" eb="19">
      <t>ソンシツ</t>
    </rPh>
    <rPh sb="19" eb="21">
      <t>ホショウ</t>
    </rPh>
    <rPh sb="21" eb="22">
      <t>トウ</t>
    </rPh>
    <rPh sb="23" eb="24">
      <t>カン</t>
    </rPh>
    <phoneticPr fontId="1"/>
  </si>
  <si>
    <t>不動産に関する嘱託登記</t>
    <rPh sb="0" eb="3">
      <t>フドウサン</t>
    </rPh>
    <rPh sb="4" eb="5">
      <t>カン</t>
    </rPh>
    <rPh sb="7" eb="9">
      <t>ショクタク</t>
    </rPh>
    <rPh sb="9" eb="11">
      <t>トウキ</t>
    </rPh>
    <phoneticPr fontId="1"/>
  </si>
  <si>
    <t>土木部用地対策課</t>
    <rPh sb="0" eb="3">
      <t>ドボクブ</t>
    </rPh>
    <rPh sb="3" eb="5">
      <t>ヨウチ</t>
    </rPh>
    <rPh sb="5" eb="8">
      <t>タイサクカ</t>
    </rPh>
    <phoneticPr fontId="1"/>
  </si>
  <si>
    <t>国土利用計画法に基づく土地売買等の届出又は確認申請並びに遊休土地実態調査に関する事務ファイル</t>
    <phoneticPr fontId="1"/>
  </si>
  <si>
    <t>健康福祉部地域福祉課</t>
    <rPh sb="0" eb="2">
      <t>ケンコウ</t>
    </rPh>
    <rPh sb="2" eb="5">
      <t>フクシブ</t>
    </rPh>
    <rPh sb="5" eb="7">
      <t>チイキ</t>
    </rPh>
    <rPh sb="7" eb="10">
      <t>フクシカ</t>
    </rPh>
    <phoneticPr fontId="1"/>
  </si>
  <si>
    <t>民生委員・児童委員委嘱ファイル</t>
  </si>
  <si>
    <t>生活保護法による指定医療・介護・施術・助産機関の指定ファイル</t>
  </si>
  <si>
    <t>島根県民文化祭作品募集に係るファイル</t>
  </si>
  <si>
    <t>食品関係営業許可・届出、行政処分ファイル</t>
    <phoneticPr fontId="1"/>
  </si>
  <si>
    <t>食品衛生責任者の設置（変更）届出に関するファイル</t>
    <phoneticPr fontId="1"/>
  </si>
  <si>
    <t>食品等の検査等に関するファイル</t>
    <phoneticPr fontId="1"/>
  </si>
  <si>
    <t>登録販売者試験ファイル</t>
    <phoneticPr fontId="1"/>
  </si>
  <si>
    <t>毒物劇物取扱者試験ファイル</t>
    <phoneticPr fontId="1"/>
  </si>
  <si>
    <t>販売従事登録ファイル</t>
    <phoneticPr fontId="1"/>
  </si>
  <si>
    <t>麻薬取扱者免許ファイル</t>
    <phoneticPr fontId="1"/>
  </si>
  <si>
    <t>女性就労支援事務台帳</t>
    <phoneticPr fontId="1"/>
  </si>
  <si>
    <t>政策企画局政策企画監室</t>
    <phoneticPr fontId="1"/>
  </si>
  <si>
    <t>総務部総務課</t>
    <rPh sb="0" eb="3">
      <t>ソウムブ</t>
    </rPh>
    <rPh sb="3" eb="6">
      <t>ソウムカ</t>
    </rPh>
    <phoneticPr fontId="1"/>
  </si>
  <si>
    <t>行政資料貸出事務ファイル</t>
    <rPh sb="0" eb="2">
      <t>ギョウセイ</t>
    </rPh>
    <rPh sb="2" eb="5">
      <t>シリョウカ</t>
    </rPh>
    <rPh sb="5" eb="6">
      <t>ダ</t>
    </rPh>
    <rPh sb="6" eb="8">
      <t>ジム</t>
    </rPh>
    <phoneticPr fontId="1"/>
  </si>
  <si>
    <t>宗教法人の規則変更、合併及び任意解散の認証、備付け書類の写しの提出ファイル</t>
    <phoneticPr fontId="1"/>
  </si>
  <si>
    <t>廃止私立学校各種証明事務ファイル</t>
    <phoneticPr fontId="1"/>
  </si>
  <si>
    <t>私立高等学校等生徒授業料減免事業補助金事務ファイル</t>
    <phoneticPr fontId="1"/>
  </si>
  <si>
    <t>島根県高等学校等就学支援金支給ファイル</t>
  </si>
  <si>
    <t>公益認定・移行認定（認可）・届出ファイル</t>
    <rPh sb="0" eb="2">
      <t>コウエキ</t>
    </rPh>
    <rPh sb="2" eb="4">
      <t>ニンテイ</t>
    </rPh>
    <rPh sb="5" eb="7">
      <t>イコウ</t>
    </rPh>
    <rPh sb="7" eb="9">
      <t>ニンテイ</t>
    </rPh>
    <rPh sb="10" eb="12">
      <t>ニンカ</t>
    </rPh>
    <rPh sb="14" eb="16">
      <t>トドケデ</t>
    </rPh>
    <phoneticPr fontId="1"/>
  </si>
  <si>
    <t>島根県私立高等学校等奨学のための給付金支給ファイル</t>
    <rPh sb="0" eb="3">
      <t>シマネケン</t>
    </rPh>
    <rPh sb="3" eb="5">
      <t>シリツ</t>
    </rPh>
    <rPh sb="5" eb="7">
      <t>コウトウ</t>
    </rPh>
    <rPh sb="7" eb="9">
      <t>ガッコウ</t>
    </rPh>
    <rPh sb="9" eb="12">
      <t>トウショウガク</t>
    </rPh>
    <rPh sb="16" eb="19">
      <t>キュウフキン</t>
    </rPh>
    <rPh sb="19" eb="21">
      <t>シキュウ</t>
    </rPh>
    <phoneticPr fontId="1"/>
  </si>
  <si>
    <t>治山台帳</t>
    <rPh sb="0" eb="2">
      <t>チサン</t>
    </rPh>
    <rPh sb="2" eb="4">
      <t>ダイチョウ</t>
    </rPh>
    <phoneticPr fontId="1"/>
  </si>
  <si>
    <t>保安林台帳</t>
    <rPh sb="0" eb="3">
      <t>ホアンリン</t>
    </rPh>
    <rPh sb="3" eb="5">
      <t>ダイチョウ</t>
    </rPh>
    <phoneticPr fontId="1"/>
  </si>
  <si>
    <t>森林簿の整備に関するファイル</t>
    <rPh sb="0" eb="2">
      <t>シンリン</t>
    </rPh>
    <rPh sb="2" eb="3">
      <t>ボ</t>
    </rPh>
    <rPh sb="4" eb="6">
      <t>セイビ</t>
    </rPh>
    <rPh sb="7" eb="8">
      <t>カン</t>
    </rPh>
    <phoneticPr fontId="1"/>
  </si>
  <si>
    <t>林地台帳に関するファイル</t>
    <rPh sb="0" eb="2">
      <t>リンチ</t>
    </rPh>
    <rPh sb="2" eb="4">
      <t>ダイチョウ</t>
    </rPh>
    <rPh sb="5" eb="6">
      <t>カン</t>
    </rPh>
    <phoneticPr fontId="1"/>
  </si>
  <si>
    <t>土木部建築住宅課、隠岐支庁、各県土整備事務所</t>
    <rPh sb="0" eb="3">
      <t>ドボクブ</t>
    </rPh>
    <rPh sb="3" eb="5">
      <t>ケンチク</t>
    </rPh>
    <rPh sb="5" eb="8">
      <t>ジュウタクカ</t>
    </rPh>
    <rPh sb="9" eb="11">
      <t>オキ</t>
    </rPh>
    <rPh sb="11" eb="13">
      <t>シチョウ</t>
    </rPh>
    <rPh sb="14" eb="15">
      <t>カク</t>
    </rPh>
    <rPh sb="15" eb="17">
      <t>ケンド</t>
    </rPh>
    <rPh sb="17" eb="19">
      <t>セイビ</t>
    </rPh>
    <rPh sb="19" eb="22">
      <t>ジムショ</t>
    </rPh>
    <phoneticPr fontId="1"/>
  </si>
  <si>
    <t>建築確認ファイル</t>
    <rPh sb="0" eb="2">
      <t>ケンチク</t>
    </rPh>
    <rPh sb="2" eb="4">
      <t>カクニン</t>
    </rPh>
    <phoneticPr fontId="1"/>
  </si>
  <si>
    <t>栄養士免許事務ファイル</t>
    <rPh sb="0" eb="3">
      <t>エイヨウシ</t>
    </rPh>
    <rPh sb="3" eb="5">
      <t>メンキョ</t>
    </rPh>
    <rPh sb="5" eb="7">
      <t>ジム</t>
    </rPh>
    <phoneticPr fontId="1"/>
  </si>
  <si>
    <t>原爆被爆者の手当支給認定ファイル</t>
  </si>
  <si>
    <t>原爆被爆者健診ファイル</t>
  </si>
  <si>
    <t>原爆被爆者二世に対する健康診断ファイル</t>
  </si>
  <si>
    <t>先天性代謝異常等検査事務ファイル</t>
    <rPh sb="0" eb="3">
      <t>センテンセイ</t>
    </rPh>
    <rPh sb="3" eb="5">
      <t>タイシャ</t>
    </rPh>
    <rPh sb="5" eb="7">
      <t>イジョウ</t>
    </rPh>
    <rPh sb="7" eb="8">
      <t>トウ</t>
    </rPh>
    <rPh sb="8" eb="10">
      <t>ケンサ</t>
    </rPh>
    <rPh sb="10" eb="12">
      <t>ジム</t>
    </rPh>
    <phoneticPr fontId="1"/>
  </si>
  <si>
    <t>調理師就業届出事務ファイル</t>
    <rPh sb="0" eb="3">
      <t>チョウリシ</t>
    </rPh>
    <rPh sb="3" eb="5">
      <t>シュウギョウ</t>
    </rPh>
    <rPh sb="5" eb="7">
      <t>トドケデ</t>
    </rPh>
    <rPh sb="7" eb="9">
      <t>ジム</t>
    </rPh>
    <phoneticPr fontId="1"/>
  </si>
  <si>
    <t>調理師免許事務ファイル</t>
    <rPh sb="0" eb="3">
      <t>チョウリシ</t>
    </rPh>
    <rPh sb="3" eb="5">
      <t>メンキョ</t>
    </rPh>
    <rPh sb="5" eb="7">
      <t>ジム</t>
    </rPh>
    <phoneticPr fontId="1"/>
  </si>
  <si>
    <t>小児慢性特定疾病医療支援ファイル</t>
    <rPh sb="0" eb="2">
      <t>ショウニ</t>
    </rPh>
    <rPh sb="2" eb="4">
      <t>マンセイ</t>
    </rPh>
    <rPh sb="4" eb="6">
      <t>トクテイ</t>
    </rPh>
    <rPh sb="6" eb="8">
      <t>シッペイ</t>
    </rPh>
    <rPh sb="8" eb="10">
      <t>イリョウ</t>
    </rPh>
    <rPh sb="10" eb="12">
      <t>シエン</t>
    </rPh>
    <phoneticPr fontId="1"/>
  </si>
  <si>
    <t>特定不妊治療費助成事業ファイル</t>
    <rPh sb="0" eb="2">
      <t>トクテイ</t>
    </rPh>
    <rPh sb="2" eb="4">
      <t>フニン</t>
    </rPh>
    <rPh sb="4" eb="7">
      <t>チリョウヒ</t>
    </rPh>
    <rPh sb="7" eb="9">
      <t>ジョセイ</t>
    </rPh>
    <rPh sb="9" eb="11">
      <t>ジギョウ</t>
    </rPh>
    <phoneticPr fontId="1"/>
  </si>
  <si>
    <t>肝炎医療費助成事業ファイル</t>
    <rPh sb="0" eb="2">
      <t>カンエン</t>
    </rPh>
    <rPh sb="2" eb="5">
      <t>イリョウヒ</t>
    </rPh>
    <rPh sb="5" eb="7">
      <t>ジョセイ</t>
    </rPh>
    <rPh sb="7" eb="9">
      <t>ジギョウ</t>
    </rPh>
    <phoneticPr fontId="1"/>
  </si>
  <si>
    <t>特定医療費支給事業ファイル</t>
    <rPh sb="0" eb="2">
      <t>トクテイ</t>
    </rPh>
    <rPh sb="2" eb="5">
      <t>イリョウヒ</t>
    </rPh>
    <rPh sb="5" eb="7">
      <t>シキュウ</t>
    </rPh>
    <rPh sb="7" eb="9">
      <t>ジギョウ</t>
    </rPh>
    <phoneticPr fontId="1"/>
  </si>
  <si>
    <t>看護職員業務従事者届ファイル</t>
  </si>
  <si>
    <t>准看護師免許証の交付に関するファイル</t>
  </si>
  <si>
    <t>准看護師等の籍訂正・免許証書換え交付申請に対するファイル</t>
  </si>
  <si>
    <t>業務従事者届出ファイル</t>
  </si>
  <si>
    <t>各種免許籍訂正ファイル</t>
  </si>
  <si>
    <t>各種免許申請ファイル</t>
  </si>
  <si>
    <t>勤務医確保実態調査に係るファイル</t>
    <rPh sb="0" eb="3">
      <t>キンムイ</t>
    </rPh>
    <rPh sb="3" eb="5">
      <t>カクホ</t>
    </rPh>
    <rPh sb="5" eb="7">
      <t>ジッタイ</t>
    </rPh>
    <rPh sb="7" eb="9">
      <t>チョウサ</t>
    </rPh>
    <rPh sb="10" eb="11">
      <t>カカ</t>
    </rPh>
    <phoneticPr fontId="1"/>
  </si>
  <si>
    <t>赤ひげバンクに係るファイル</t>
  </si>
  <si>
    <t>安定ヨウ素剤の事前配布に係るファイル</t>
  </si>
  <si>
    <t>地域若者ステーション事業</t>
    <rPh sb="0" eb="2">
      <t>チイキ</t>
    </rPh>
    <rPh sb="2" eb="4">
      <t>ワカモノ</t>
    </rPh>
    <rPh sb="10" eb="12">
      <t>ジギョウ</t>
    </rPh>
    <phoneticPr fontId="1"/>
  </si>
  <si>
    <t>中高年齢者就業支援に係るファイル</t>
    <rPh sb="0" eb="5">
      <t>チュウコウネンレイシャ</t>
    </rPh>
    <rPh sb="5" eb="7">
      <t>シュウギョウ</t>
    </rPh>
    <rPh sb="7" eb="9">
      <t>シエン</t>
    </rPh>
    <rPh sb="10" eb="11">
      <t>カカ</t>
    </rPh>
    <phoneticPr fontId="1"/>
  </si>
  <si>
    <t>商工労働部雇用政策課</t>
    <rPh sb="0" eb="2">
      <t>ショウコウ</t>
    </rPh>
    <rPh sb="2" eb="5">
      <t>ロウドウブ</t>
    </rPh>
    <rPh sb="5" eb="7">
      <t>コヨウ</t>
    </rPh>
    <rPh sb="7" eb="9">
      <t>セイサク</t>
    </rPh>
    <rPh sb="9" eb="10">
      <t>カ</t>
    </rPh>
    <phoneticPr fontId="1"/>
  </si>
  <si>
    <t>身体障害者福祉法による更生医療の判定ファイル</t>
  </si>
  <si>
    <t>身体障害者手帳交付ファイル</t>
  </si>
  <si>
    <t>身体障害者福祉法による補装具の判定ファイル</t>
  </si>
  <si>
    <t>知的障害者福祉法に基づく相談・判定・指導ファイル</t>
  </si>
  <si>
    <t>島根県発達障害者支援センターが行う相談支援事務ファイル</t>
  </si>
  <si>
    <t>環境生活部スポーツ振興課</t>
  </si>
  <si>
    <t>東京2020オリンピック聖火リレー　聖火ランナー募集ファイル</t>
  </si>
  <si>
    <t>県障がい者スポーツ大会実施ファイル</t>
  </si>
  <si>
    <t>第84回国民スポーツ大会・第29回全国障害者スポーツ大会（審判員）ファイル</t>
  </si>
  <si>
    <t>健康福祉部高齢者福祉課</t>
    <rPh sb="0" eb="11">
      <t>ケンコウフクシブコウレイシャフクシカ</t>
    </rPh>
    <phoneticPr fontId="1"/>
  </si>
  <si>
    <t>健康福祉部子ども・子育て支援課</t>
    <rPh sb="0" eb="2">
      <t>ケンコウ</t>
    </rPh>
    <rPh sb="2" eb="5">
      <t>フクシブ</t>
    </rPh>
    <rPh sb="5" eb="6">
      <t>コ</t>
    </rPh>
    <rPh sb="9" eb="11">
      <t>コソダ</t>
    </rPh>
    <rPh sb="12" eb="15">
      <t>シエンカ</t>
    </rPh>
    <phoneticPr fontId="1"/>
  </si>
  <si>
    <t>健康福祉部子ども・子育て支援課</t>
  </si>
  <si>
    <t>保育士試験ファイル</t>
  </si>
  <si>
    <t>保育士登録ファイル</t>
  </si>
  <si>
    <t>島根県保育士等キャリアアップ研修事業ファイル</t>
    <rPh sb="0" eb="3">
      <t>シマネケン</t>
    </rPh>
    <rPh sb="3" eb="6">
      <t>ホイクシ</t>
    </rPh>
    <rPh sb="6" eb="7">
      <t>トウ</t>
    </rPh>
    <rPh sb="14" eb="16">
      <t>ケンシュウ</t>
    </rPh>
    <rPh sb="16" eb="18">
      <t>ジギョウ</t>
    </rPh>
    <phoneticPr fontId="1"/>
  </si>
  <si>
    <t>物品の売買、借入れ等に係る入札参加資格審査事務ファイル</t>
    <phoneticPr fontId="1"/>
  </si>
  <si>
    <t>危険物取扱者保安講習ファイル</t>
    <phoneticPr fontId="1"/>
  </si>
  <si>
    <t>防災部消防総務課</t>
    <phoneticPr fontId="1"/>
  </si>
  <si>
    <t>浄化槽にかかる届出等ファイル</t>
    <rPh sb="0" eb="3">
      <t>ジョウカソウ</t>
    </rPh>
    <rPh sb="7" eb="10">
      <t>トドケデトウ</t>
    </rPh>
    <phoneticPr fontId="1"/>
  </si>
  <si>
    <t>産業廃棄物処理業の許可事務ファイル</t>
    <rPh sb="0" eb="2">
      <t>サンギョウ</t>
    </rPh>
    <rPh sb="2" eb="5">
      <t>ハイキブツ</t>
    </rPh>
    <rPh sb="5" eb="7">
      <t>ショリ</t>
    </rPh>
    <rPh sb="7" eb="8">
      <t>ギョウ</t>
    </rPh>
    <rPh sb="9" eb="11">
      <t>キョカ</t>
    </rPh>
    <rPh sb="11" eb="13">
      <t>ジム</t>
    </rPh>
    <phoneticPr fontId="1"/>
  </si>
  <si>
    <t>環境生活部廃棄物対策課</t>
    <rPh sb="0" eb="2">
      <t>カンキョウ</t>
    </rPh>
    <rPh sb="2" eb="5">
      <t>セイカツブ</t>
    </rPh>
    <rPh sb="5" eb="8">
      <t>ハイキブツ</t>
    </rPh>
    <rPh sb="8" eb="11">
      <t>タイサクカ</t>
    </rPh>
    <phoneticPr fontId="1"/>
  </si>
  <si>
    <t>消防用設備等の工事又は整備に関する講習ファイル</t>
  </si>
  <si>
    <t>高圧ガス製造保安責任者及び販売主任者免状の交付ファイル</t>
    <phoneticPr fontId="1"/>
  </si>
  <si>
    <t>狩猟者登録ファイル</t>
    <rPh sb="0" eb="3">
      <t>シュリョウシャ</t>
    </rPh>
    <rPh sb="3" eb="5">
      <t>トウロク</t>
    </rPh>
    <phoneticPr fontId="1"/>
  </si>
  <si>
    <t>愛鳥週間用ポスター図案コンクールファイル</t>
    <rPh sb="0" eb="2">
      <t>アイチョウ</t>
    </rPh>
    <rPh sb="2" eb="4">
      <t>シュウカン</t>
    </rPh>
    <rPh sb="4" eb="5">
      <t>ヨウ</t>
    </rPh>
    <rPh sb="9" eb="11">
      <t>ズアン</t>
    </rPh>
    <phoneticPr fontId="1"/>
  </si>
  <si>
    <t>農林水産部農地整備課、支庁、農林水産振興センター、県土整備事務所</t>
    <rPh sb="0" eb="2">
      <t>ノウリン</t>
    </rPh>
    <rPh sb="2" eb="5">
      <t>スイサンブ</t>
    </rPh>
    <rPh sb="5" eb="7">
      <t>ノウチ</t>
    </rPh>
    <rPh sb="7" eb="10">
      <t>セイビカ</t>
    </rPh>
    <rPh sb="11" eb="13">
      <t>シチョウ</t>
    </rPh>
    <rPh sb="14" eb="16">
      <t>ノウリン</t>
    </rPh>
    <rPh sb="16" eb="18">
      <t>スイサン</t>
    </rPh>
    <rPh sb="18" eb="20">
      <t>シンコウ</t>
    </rPh>
    <rPh sb="25" eb="27">
      <t>ケンド</t>
    </rPh>
    <rPh sb="27" eb="29">
      <t>セイビ</t>
    </rPh>
    <rPh sb="29" eb="32">
      <t>ジムショ</t>
    </rPh>
    <phoneticPr fontId="1"/>
  </si>
  <si>
    <t>ため池データベース</t>
    <rPh sb="2" eb="3">
      <t>イケ</t>
    </rPh>
    <phoneticPr fontId="1"/>
  </si>
  <si>
    <t>栄典、表彰等の事務ファイル</t>
    <rPh sb="0" eb="2">
      <t>エイテン</t>
    </rPh>
    <rPh sb="3" eb="6">
      <t>ヒョウショウナド</t>
    </rPh>
    <rPh sb="7" eb="9">
      <t>ジム</t>
    </rPh>
    <phoneticPr fontId="1"/>
  </si>
  <si>
    <t>政策企画局秘書課</t>
    <rPh sb="0" eb="2">
      <t>セイサク</t>
    </rPh>
    <rPh sb="2" eb="4">
      <t>キカク</t>
    </rPh>
    <rPh sb="4" eb="5">
      <t>キョク</t>
    </rPh>
    <rPh sb="5" eb="8">
      <t>ヒショカ</t>
    </rPh>
    <phoneticPr fontId="1"/>
  </si>
  <si>
    <t>健康福祉部感染症対策室</t>
    <phoneticPr fontId="1"/>
  </si>
  <si>
    <t>感染症の発生及びまん延防止の措置を実施するための質問及び調査に係るファイル</t>
    <rPh sb="0" eb="3">
      <t>カンセンショウ</t>
    </rPh>
    <rPh sb="4" eb="6">
      <t>ハッセイ</t>
    </rPh>
    <rPh sb="6" eb="7">
      <t>オヨ</t>
    </rPh>
    <rPh sb="10" eb="11">
      <t>エン</t>
    </rPh>
    <rPh sb="11" eb="13">
      <t>ボウシ</t>
    </rPh>
    <rPh sb="14" eb="16">
      <t>ソチ</t>
    </rPh>
    <rPh sb="17" eb="19">
      <t>ジッシ</t>
    </rPh>
    <rPh sb="24" eb="26">
      <t>シツモン</t>
    </rPh>
    <rPh sb="26" eb="27">
      <t>オヨ</t>
    </rPh>
    <rPh sb="28" eb="30">
      <t>チョウサ</t>
    </rPh>
    <rPh sb="31" eb="32">
      <t>カカ</t>
    </rPh>
    <phoneticPr fontId="1"/>
  </si>
  <si>
    <t>結核・感染症サーベイランス事業のファイル</t>
    <rPh sb="0" eb="2">
      <t>ケッカク</t>
    </rPh>
    <rPh sb="3" eb="6">
      <t>カンセンショウ</t>
    </rPh>
    <rPh sb="13" eb="15">
      <t>ジギョウ</t>
    </rPh>
    <phoneticPr fontId="1"/>
  </si>
  <si>
    <t>新型コロナウイルス感染症にかかる予防接種ファイル</t>
    <rPh sb="0" eb="2">
      <t>シンガタ</t>
    </rPh>
    <rPh sb="9" eb="12">
      <t>カンセンショウ</t>
    </rPh>
    <rPh sb="16" eb="18">
      <t>ヨボウ</t>
    </rPh>
    <rPh sb="18" eb="20">
      <t>セッシュ</t>
    </rPh>
    <phoneticPr fontId="1"/>
  </si>
  <si>
    <t>しまねwebモニター事業ファイル</t>
    <phoneticPr fontId="1"/>
  </si>
  <si>
    <t>知事への提案箱ファイル</t>
    <rPh sb="0" eb="2">
      <t>チジ</t>
    </rPh>
    <rPh sb="4" eb="6">
      <t>テイアン</t>
    </rPh>
    <rPh sb="6" eb="7">
      <t>バコ</t>
    </rPh>
    <phoneticPr fontId="1"/>
  </si>
  <si>
    <t>遣島使事務ファイル</t>
    <phoneticPr fontId="1"/>
  </si>
  <si>
    <t>政策企画局広聴広報課</t>
    <phoneticPr fontId="1"/>
  </si>
  <si>
    <t>健康福祉部医療政策課</t>
  </si>
  <si>
    <t>医療法人届出ファイル</t>
    <phoneticPr fontId="1"/>
  </si>
  <si>
    <t>総務部税務課</t>
    <rPh sb="0" eb="3">
      <t>ソウムブ</t>
    </rPh>
    <rPh sb="3" eb="6">
      <t>ゼイムカ</t>
    </rPh>
    <phoneticPr fontId="1"/>
  </si>
  <si>
    <t>総務部人事課</t>
    <rPh sb="0" eb="3">
      <t>ソウムブ</t>
    </rPh>
    <rPh sb="3" eb="6">
      <t>ジンジカ</t>
    </rPh>
    <phoneticPr fontId="1"/>
  </si>
  <si>
    <t>商工労働部産業振興課</t>
    <rPh sb="0" eb="2">
      <t>ショウコウ</t>
    </rPh>
    <rPh sb="2" eb="4">
      <t>ロウドウ</t>
    </rPh>
    <rPh sb="4" eb="5">
      <t>ブ</t>
    </rPh>
    <rPh sb="5" eb="7">
      <t>サンギョウ</t>
    </rPh>
    <rPh sb="7" eb="10">
      <t>シンコウカ</t>
    </rPh>
    <phoneticPr fontId="1"/>
  </si>
  <si>
    <t>農林水産部産地支援課</t>
    <rPh sb="0" eb="2">
      <t>ノウリン</t>
    </rPh>
    <rPh sb="2" eb="4">
      <t>スイサン</t>
    </rPh>
    <rPh sb="4" eb="5">
      <t>ブ</t>
    </rPh>
    <rPh sb="5" eb="7">
      <t>サンチ</t>
    </rPh>
    <rPh sb="7" eb="9">
      <t>シエン</t>
    </rPh>
    <rPh sb="9" eb="10">
      <t>カ</t>
    </rPh>
    <phoneticPr fontId="1"/>
  </si>
  <si>
    <t>果樹表彰一般
(農林水産祭参加表彰行事大臣賞受賞者関連事務)</t>
    <rPh sb="0" eb="2">
      <t>カジュ</t>
    </rPh>
    <rPh sb="2" eb="4">
      <t>ヒョウショウ</t>
    </rPh>
    <rPh sb="4" eb="6">
      <t>イッパン</t>
    </rPh>
    <phoneticPr fontId="2"/>
  </si>
  <si>
    <t>農林水産部農山漁村振興課・各地方機関</t>
    <rPh sb="0" eb="2">
      <t>ノウリン</t>
    </rPh>
    <rPh sb="2" eb="4">
      <t>スイサン</t>
    </rPh>
    <rPh sb="4" eb="5">
      <t>ブ</t>
    </rPh>
    <rPh sb="5" eb="9">
      <t>ノウサンギョソン</t>
    </rPh>
    <rPh sb="7" eb="9">
      <t>ギョソン</t>
    </rPh>
    <rPh sb="9" eb="11">
      <t>シンコウ</t>
    </rPh>
    <rPh sb="11" eb="12">
      <t>カ</t>
    </rPh>
    <rPh sb="13" eb="16">
      <t>カクチホウ</t>
    </rPh>
    <rPh sb="16" eb="18">
      <t>キカン</t>
    </rPh>
    <phoneticPr fontId="1"/>
  </si>
  <si>
    <t>農林水産部農山漁村振興課</t>
    <rPh sb="0" eb="2">
      <t>ノウリン</t>
    </rPh>
    <rPh sb="2" eb="4">
      <t>スイサン</t>
    </rPh>
    <rPh sb="4" eb="5">
      <t>ブ</t>
    </rPh>
    <rPh sb="5" eb="11">
      <t>ノウサンギョソンシンコウ</t>
    </rPh>
    <rPh sb="11" eb="12">
      <t>カ</t>
    </rPh>
    <phoneticPr fontId="1"/>
  </si>
  <si>
    <t>農林水産部農林大学校</t>
    <rPh sb="0" eb="2">
      <t>ノウリン</t>
    </rPh>
    <rPh sb="2" eb="4">
      <t>スイサン</t>
    </rPh>
    <rPh sb="4" eb="5">
      <t>ブ</t>
    </rPh>
    <rPh sb="5" eb="7">
      <t>ノウリン</t>
    </rPh>
    <rPh sb="7" eb="10">
      <t>ダイガッコウ</t>
    </rPh>
    <phoneticPr fontId="1"/>
  </si>
  <si>
    <t>農林水産部沿岸漁業振興課</t>
    <rPh sb="0" eb="5">
      <t>ノウリンスイサンブ</t>
    </rPh>
    <rPh sb="5" eb="12">
      <t>エンガンギョギョウシンコウカ</t>
    </rPh>
    <phoneticPr fontId="1"/>
  </si>
  <si>
    <t>農林水産部森林整備課、隠岐支庁県土整備局及び県土整備事務局、各農林水産振興センター、各県土整備事務所</t>
    <rPh sb="0" eb="2">
      <t>ノウリン</t>
    </rPh>
    <rPh sb="2" eb="4">
      <t>スイサン</t>
    </rPh>
    <rPh sb="4" eb="5">
      <t>ブ</t>
    </rPh>
    <rPh sb="5" eb="7">
      <t>シンリン</t>
    </rPh>
    <rPh sb="7" eb="10">
      <t>セイビカ</t>
    </rPh>
    <rPh sb="11" eb="13">
      <t>オキ</t>
    </rPh>
    <rPh sb="13" eb="15">
      <t>シチョウ</t>
    </rPh>
    <rPh sb="15" eb="17">
      <t>ケンド</t>
    </rPh>
    <rPh sb="17" eb="20">
      <t>セイビキョク</t>
    </rPh>
    <rPh sb="20" eb="21">
      <t>オヨ</t>
    </rPh>
    <rPh sb="22" eb="24">
      <t>ケンド</t>
    </rPh>
    <rPh sb="24" eb="26">
      <t>セイビ</t>
    </rPh>
    <rPh sb="26" eb="29">
      <t>ジムキョク</t>
    </rPh>
    <rPh sb="30" eb="31">
      <t>カク</t>
    </rPh>
    <rPh sb="31" eb="35">
      <t>ノウリンスイサン</t>
    </rPh>
    <rPh sb="35" eb="37">
      <t>シンコウ</t>
    </rPh>
    <rPh sb="42" eb="43">
      <t>カク</t>
    </rPh>
    <rPh sb="43" eb="45">
      <t>ケンド</t>
    </rPh>
    <rPh sb="45" eb="47">
      <t>セイビ</t>
    </rPh>
    <rPh sb="47" eb="50">
      <t>ジムショ</t>
    </rPh>
    <phoneticPr fontId="1"/>
  </si>
  <si>
    <t>農林水産部森林整備課、隠岐支庁農林水産局、各農林水産振興センター</t>
    <rPh sb="0" eb="5">
      <t>ノウリンスイサンブ</t>
    </rPh>
    <rPh sb="5" eb="7">
      <t>シンリン</t>
    </rPh>
    <rPh sb="7" eb="10">
      <t>セイビカ</t>
    </rPh>
    <rPh sb="11" eb="13">
      <t>オキ</t>
    </rPh>
    <rPh sb="13" eb="15">
      <t>シチョウ</t>
    </rPh>
    <rPh sb="15" eb="17">
      <t>ノウリン</t>
    </rPh>
    <rPh sb="17" eb="20">
      <t>スイサンキョク</t>
    </rPh>
    <rPh sb="21" eb="28">
      <t>カクノウリンスイサンシンコウ</t>
    </rPh>
    <phoneticPr fontId="1"/>
  </si>
  <si>
    <t>農林水産部森林整備課、隠岐支庁農林水産局、各農林水産振興センター、各農林水産振興センター地域事務所</t>
    <rPh sb="0" eb="2">
      <t>ノウリン</t>
    </rPh>
    <rPh sb="2" eb="4">
      <t>スイサン</t>
    </rPh>
    <rPh sb="4" eb="5">
      <t>ブ</t>
    </rPh>
    <rPh sb="5" eb="7">
      <t>シンリン</t>
    </rPh>
    <rPh sb="7" eb="10">
      <t>セイビカ</t>
    </rPh>
    <rPh sb="11" eb="13">
      <t>オキ</t>
    </rPh>
    <rPh sb="13" eb="15">
      <t>シチョウ</t>
    </rPh>
    <rPh sb="15" eb="17">
      <t>ノウリン</t>
    </rPh>
    <rPh sb="17" eb="20">
      <t>スイサンキョク</t>
    </rPh>
    <rPh sb="21" eb="22">
      <t>カク</t>
    </rPh>
    <rPh sb="22" eb="26">
      <t>ノウリンスイサン</t>
    </rPh>
    <rPh sb="26" eb="28">
      <t>シンコウ</t>
    </rPh>
    <rPh sb="33" eb="40">
      <t>カクノウリンスイサンシンコウ</t>
    </rPh>
    <rPh sb="44" eb="46">
      <t>チイキ</t>
    </rPh>
    <rPh sb="46" eb="49">
      <t>ジムショ</t>
    </rPh>
    <phoneticPr fontId="1"/>
  </si>
  <si>
    <t>農林水産部森林整備課、隠岐支庁農林水産局、各農林水産振興センター、各農林水産振興センター地域事務所</t>
    <rPh sb="0" eb="5">
      <t>ノウリンスイサンブ</t>
    </rPh>
    <rPh sb="5" eb="7">
      <t>シンリン</t>
    </rPh>
    <rPh sb="7" eb="10">
      <t>セイビカ</t>
    </rPh>
    <rPh sb="11" eb="13">
      <t>オキ</t>
    </rPh>
    <rPh sb="13" eb="15">
      <t>シチョウ</t>
    </rPh>
    <rPh sb="15" eb="17">
      <t>ノウリン</t>
    </rPh>
    <rPh sb="17" eb="20">
      <t>スイサンキョク</t>
    </rPh>
    <rPh sb="21" eb="22">
      <t>カク</t>
    </rPh>
    <rPh sb="22" eb="26">
      <t>ノウリンスイサン</t>
    </rPh>
    <rPh sb="26" eb="28">
      <t>シンコウ</t>
    </rPh>
    <rPh sb="33" eb="40">
      <t>カクノウリンスイサンシンコウ</t>
    </rPh>
    <rPh sb="44" eb="46">
      <t>チイキ</t>
    </rPh>
    <rPh sb="46" eb="49">
      <t>ジムショ</t>
    </rPh>
    <phoneticPr fontId="1"/>
  </si>
  <si>
    <t>土木部松江県土整備事務所</t>
    <rPh sb="0" eb="2">
      <t>ドボク</t>
    </rPh>
    <rPh sb="2" eb="3">
      <t>ブ</t>
    </rPh>
    <rPh sb="3" eb="5">
      <t>マツエ</t>
    </rPh>
    <rPh sb="5" eb="7">
      <t>ケンド</t>
    </rPh>
    <rPh sb="7" eb="9">
      <t>セイビ</t>
    </rPh>
    <rPh sb="9" eb="12">
      <t>ジムショ</t>
    </rPh>
    <phoneticPr fontId="1"/>
  </si>
  <si>
    <t>土木部雲南県土整備事務所</t>
    <rPh sb="0" eb="2">
      <t>ドボク</t>
    </rPh>
    <rPh sb="2" eb="3">
      <t>ブ</t>
    </rPh>
    <rPh sb="3" eb="12">
      <t>ウンナンケンドセイビジムショ</t>
    </rPh>
    <phoneticPr fontId="1"/>
  </si>
  <si>
    <t>土木部出雲県土整備事務所</t>
    <rPh sb="0" eb="2">
      <t>ドボク</t>
    </rPh>
    <rPh sb="2" eb="3">
      <t>ブ</t>
    </rPh>
    <rPh sb="3" eb="12">
      <t>イズモケンドセイビジムショ</t>
    </rPh>
    <phoneticPr fontId="1"/>
  </si>
  <si>
    <t>土木部県央県土整備事務所</t>
    <rPh sb="0" eb="2">
      <t>ドボク</t>
    </rPh>
    <rPh sb="2" eb="3">
      <t>ブ</t>
    </rPh>
    <rPh sb="3" eb="12">
      <t>ケンオウケンドセイビジムショ</t>
    </rPh>
    <phoneticPr fontId="1"/>
  </si>
  <si>
    <t>土木部大田事業所</t>
    <rPh sb="0" eb="2">
      <t>ドボク</t>
    </rPh>
    <rPh sb="2" eb="3">
      <t>ブ</t>
    </rPh>
    <rPh sb="3" eb="8">
      <t>オオダジギョウショ</t>
    </rPh>
    <phoneticPr fontId="1"/>
  </si>
  <si>
    <t>土木部浜田県土整備事務所</t>
    <rPh sb="0" eb="2">
      <t>ドボク</t>
    </rPh>
    <rPh sb="2" eb="3">
      <t>ブ</t>
    </rPh>
    <rPh sb="3" eb="12">
      <t>ハマダケンドセイビジムショ</t>
    </rPh>
    <phoneticPr fontId="1"/>
  </si>
  <si>
    <t>土木部益田県土整備事務所</t>
    <rPh sb="0" eb="2">
      <t>ドボク</t>
    </rPh>
    <rPh sb="2" eb="3">
      <t>ブ</t>
    </rPh>
    <rPh sb="3" eb="12">
      <t>マスダケンドセイビジムショ</t>
    </rPh>
    <phoneticPr fontId="1"/>
  </si>
  <si>
    <t>土木部津和野土木事業所</t>
    <rPh sb="0" eb="2">
      <t>ドボク</t>
    </rPh>
    <rPh sb="2" eb="3">
      <t>ブ</t>
    </rPh>
    <rPh sb="3" eb="6">
      <t>ツワノ</t>
    </rPh>
    <rPh sb="6" eb="8">
      <t>ドボク</t>
    </rPh>
    <rPh sb="8" eb="11">
      <t>ジギョウショ</t>
    </rPh>
    <phoneticPr fontId="1"/>
  </si>
  <si>
    <t>土木部浜田河川総合開発事務所</t>
    <rPh sb="0" eb="2">
      <t>ドボク</t>
    </rPh>
    <rPh sb="2" eb="3">
      <t>ブ</t>
    </rPh>
    <rPh sb="3" eb="9">
      <t>ハマダカセンソウゴウ</t>
    </rPh>
    <rPh sb="9" eb="14">
      <t>カイハツジムショ</t>
    </rPh>
    <phoneticPr fontId="1"/>
  </si>
  <si>
    <t>土木部浜田港湾振興センター</t>
    <rPh sb="0" eb="2">
      <t>ドボク</t>
    </rPh>
    <rPh sb="2" eb="3">
      <t>ブ</t>
    </rPh>
    <rPh sb="3" eb="5">
      <t>ハマダ</t>
    </rPh>
    <rPh sb="5" eb="7">
      <t>コウワン</t>
    </rPh>
    <rPh sb="7" eb="9">
      <t>シンコウ</t>
    </rPh>
    <phoneticPr fontId="1"/>
  </si>
  <si>
    <t>土木部出雲空港管理事務所</t>
    <rPh sb="0" eb="2">
      <t>ドボク</t>
    </rPh>
    <rPh sb="2" eb="3">
      <t>ブ</t>
    </rPh>
    <rPh sb="3" eb="12">
      <t>イズモクウコウカンリジムショ</t>
    </rPh>
    <phoneticPr fontId="1"/>
  </si>
  <si>
    <t>出納局会計課</t>
    <rPh sb="0" eb="3">
      <t>スイトウキョク</t>
    </rPh>
    <rPh sb="3" eb="6">
      <t>カイケイカ</t>
    </rPh>
    <phoneticPr fontId="1"/>
  </si>
  <si>
    <t>教育庁学校企画課</t>
    <rPh sb="0" eb="3">
      <t>キョウイクチョウ</t>
    </rPh>
    <rPh sb="3" eb="8">
      <t>ガッコウキカクカ</t>
    </rPh>
    <phoneticPr fontId="1"/>
  </si>
  <si>
    <t>教育庁学校企画課、県立高等学校</t>
    <rPh sb="0" eb="3">
      <t>キョウイクチョウ</t>
    </rPh>
    <rPh sb="3" eb="8">
      <t>ガッコウキカクカ</t>
    </rPh>
    <rPh sb="9" eb="11">
      <t>ケンリツ</t>
    </rPh>
    <rPh sb="11" eb="13">
      <t>コウトウ</t>
    </rPh>
    <rPh sb="13" eb="15">
      <t>ガッコウ</t>
    </rPh>
    <phoneticPr fontId="1"/>
  </si>
  <si>
    <t>教育庁県立図書館</t>
    <rPh sb="0" eb="3">
      <t>キョウイクチョウ</t>
    </rPh>
    <rPh sb="3" eb="5">
      <t>ケンリツ</t>
    </rPh>
    <rPh sb="5" eb="8">
      <t>トショカン</t>
    </rPh>
    <phoneticPr fontId="1"/>
  </si>
  <si>
    <t>教育庁学校企画課、県立学校</t>
    <rPh sb="0" eb="3">
      <t>キョウイクチョウ</t>
    </rPh>
    <rPh sb="3" eb="8">
      <t>ガッコウキカクカ</t>
    </rPh>
    <rPh sb="9" eb="11">
      <t>ケンリツ</t>
    </rPh>
    <rPh sb="11" eb="13">
      <t>ガッコウ</t>
    </rPh>
    <phoneticPr fontId="1"/>
  </si>
  <si>
    <t>介護支援専門員の資質向上に関する事務ファイル</t>
    <phoneticPr fontId="1"/>
  </si>
  <si>
    <t>介護支援専門員養成研修に係る事務ファイル</t>
    <phoneticPr fontId="1"/>
  </si>
  <si>
    <t>戦傷病者等の妻に対する特別給付金支給事務ファイル</t>
    <phoneticPr fontId="1"/>
  </si>
  <si>
    <t>戦傷病者特別援護法関係事務ファイル</t>
    <phoneticPr fontId="1"/>
  </si>
  <si>
    <t>戦傷病者戦没者遺族等援護法関係事務ファイル</t>
    <phoneticPr fontId="1"/>
  </si>
  <si>
    <t>戦没者等の遺族に対する特別弔慰金、特別給付金支給事務ファイル</t>
    <phoneticPr fontId="1"/>
  </si>
  <si>
    <t>介護員養成研修事業者の指定ファイル</t>
    <phoneticPr fontId="1"/>
  </si>
  <si>
    <t>百歳以上高齢者等関係調査ファイル</t>
    <phoneticPr fontId="1"/>
  </si>
  <si>
    <t>旧軍人軍属の恩給に関する事務ファイル</t>
    <phoneticPr fontId="1"/>
  </si>
  <si>
    <t>介護支援専門員の登録・証交付に係る事務ファイル</t>
    <phoneticPr fontId="1"/>
  </si>
  <si>
    <t>叙位及び叙勲に関する事務ファイル</t>
    <phoneticPr fontId="1"/>
  </si>
  <si>
    <t>認定調査員研修に関する事務ファイル</t>
    <phoneticPr fontId="1"/>
  </si>
  <si>
    <t>７５生涯現役証交付事業事務ファイル</t>
    <phoneticPr fontId="1"/>
  </si>
  <si>
    <t>島根県放課後児童支援員認定資格研修事業ファイル</t>
    <rPh sb="0" eb="3">
      <t>シマネケン</t>
    </rPh>
    <rPh sb="3" eb="6">
      <t>ホウカゴ</t>
    </rPh>
    <rPh sb="6" eb="8">
      <t>ジドウ</t>
    </rPh>
    <rPh sb="8" eb="10">
      <t>シエン</t>
    </rPh>
    <rPh sb="10" eb="11">
      <t>イン</t>
    </rPh>
    <rPh sb="11" eb="13">
      <t>ニンテイ</t>
    </rPh>
    <rPh sb="13" eb="15">
      <t>シカク</t>
    </rPh>
    <rPh sb="15" eb="17">
      <t>ケンシュウ</t>
    </rPh>
    <rPh sb="17" eb="19">
      <t>ジギョウ</t>
    </rPh>
    <phoneticPr fontId="1"/>
  </si>
  <si>
    <t>患者の診療に関するファイル</t>
    <rPh sb="0" eb="2">
      <t>カンジャ</t>
    </rPh>
    <rPh sb="3" eb="5">
      <t>シンリョウ</t>
    </rPh>
    <rPh sb="6" eb="7">
      <t>カン</t>
    </rPh>
    <phoneticPr fontId="1"/>
  </si>
  <si>
    <t>病院実習に係るファイル</t>
    <rPh sb="0" eb="2">
      <t>ビョウイン</t>
    </rPh>
    <rPh sb="2" eb="4">
      <t>ジッシュウ</t>
    </rPh>
    <rPh sb="5" eb="6">
      <t>カカ</t>
    </rPh>
    <phoneticPr fontId="1"/>
  </si>
  <si>
    <t>「統合情報システム」利用者に関するファイル</t>
    <rPh sb="1" eb="3">
      <t>トウゴウ</t>
    </rPh>
    <rPh sb="3" eb="5">
      <t>ジョウホウ</t>
    </rPh>
    <rPh sb="10" eb="13">
      <t>リヨウシャ</t>
    </rPh>
    <rPh sb="14" eb="15">
      <t>カン</t>
    </rPh>
    <phoneticPr fontId="1"/>
  </si>
  <si>
    <t>庁舎管理ファイル</t>
    <rPh sb="0" eb="2">
      <t>チョウシャ</t>
    </rPh>
    <rPh sb="2" eb="4">
      <t>カンリ</t>
    </rPh>
    <phoneticPr fontId="1"/>
  </si>
  <si>
    <t>防犯カメラに関するファイル</t>
    <rPh sb="0" eb="2">
      <t>ボウハン</t>
    </rPh>
    <rPh sb="6" eb="7">
      <t>カン</t>
    </rPh>
    <phoneticPr fontId="1"/>
  </si>
  <si>
    <t>診断書・証明書の交付ファイル</t>
    <rPh sb="0" eb="3">
      <t>シンダンショ</t>
    </rPh>
    <rPh sb="4" eb="7">
      <t>ショウメイショ</t>
    </rPh>
    <rPh sb="8" eb="10">
      <t>コウフ</t>
    </rPh>
    <phoneticPr fontId="1"/>
  </si>
  <si>
    <t>医療情報管理に関するファイル</t>
    <rPh sb="0" eb="2">
      <t>イリョウ</t>
    </rPh>
    <rPh sb="2" eb="4">
      <t>ジョウホウ</t>
    </rPh>
    <rPh sb="4" eb="6">
      <t>カンリ</t>
    </rPh>
    <rPh sb="7" eb="8">
      <t>カン</t>
    </rPh>
    <phoneticPr fontId="1"/>
  </si>
  <si>
    <t>まめネットに関するファイル</t>
    <rPh sb="6" eb="7">
      <t>カン</t>
    </rPh>
    <phoneticPr fontId="1"/>
  </si>
  <si>
    <t>受付に関するファイル</t>
    <rPh sb="0" eb="2">
      <t>ウケツケ</t>
    </rPh>
    <rPh sb="3" eb="4">
      <t>カン</t>
    </rPh>
    <phoneticPr fontId="1"/>
  </si>
  <si>
    <t>患者の入退院に関するファイル</t>
    <rPh sb="0" eb="2">
      <t>カンジャ</t>
    </rPh>
    <rPh sb="3" eb="6">
      <t>ニュウタイイン</t>
    </rPh>
    <rPh sb="7" eb="8">
      <t>カン</t>
    </rPh>
    <phoneticPr fontId="1"/>
  </si>
  <si>
    <t>医療保護入院に関するファイル</t>
    <rPh sb="0" eb="2">
      <t>イリョウ</t>
    </rPh>
    <rPh sb="2" eb="4">
      <t>ホゴ</t>
    </rPh>
    <rPh sb="4" eb="6">
      <t>ニュウイン</t>
    </rPh>
    <rPh sb="7" eb="8">
      <t>カン</t>
    </rPh>
    <phoneticPr fontId="1"/>
  </si>
  <si>
    <t>精算に関するファイル</t>
    <rPh sb="0" eb="2">
      <t>セイサン</t>
    </rPh>
    <rPh sb="3" eb="4">
      <t>カン</t>
    </rPh>
    <phoneticPr fontId="1"/>
  </si>
  <si>
    <t>島根県職員採用選考試験（県立病院に勤務する資格免許職に限る）ファイル</t>
    <rPh sb="0" eb="3">
      <t>シマネケン</t>
    </rPh>
    <rPh sb="3" eb="5">
      <t>ショクイン</t>
    </rPh>
    <rPh sb="5" eb="7">
      <t>サイヨウ</t>
    </rPh>
    <rPh sb="7" eb="9">
      <t>センコウ</t>
    </rPh>
    <rPh sb="9" eb="11">
      <t>シケン</t>
    </rPh>
    <rPh sb="12" eb="14">
      <t>ケンリツ</t>
    </rPh>
    <rPh sb="14" eb="16">
      <t>ビョウイン</t>
    </rPh>
    <rPh sb="17" eb="19">
      <t>キンム</t>
    </rPh>
    <rPh sb="21" eb="23">
      <t>シカク</t>
    </rPh>
    <rPh sb="23" eb="25">
      <t>メンキョ</t>
    </rPh>
    <rPh sb="25" eb="26">
      <t>ショク</t>
    </rPh>
    <rPh sb="27" eb="28">
      <t>カギ</t>
    </rPh>
    <phoneticPr fontId="1"/>
  </si>
  <si>
    <t>病院局こころの医療センター</t>
    <rPh sb="0" eb="3">
      <t>ビョウインキョク</t>
    </rPh>
    <rPh sb="7" eb="9">
      <t>イリョウ</t>
    </rPh>
    <phoneticPr fontId="1"/>
  </si>
  <si>
    <t>病院局中央病院</t>
    <rPh sb="0" eb="3">
      <t>ビョウインキョク</t>
    </rPh>
    <rPh sb="3" eb="5">
      <t>チュウオウ</t>
    </rPh>
    <phoneticPr fontId="1"/>
  </si>
  <si>
    <t>病院局中央病院</t>
    <rPh sb="0" eb="3">
      <t>ビョウインキョク</t>
    </rPh>
    <phoneticPr fontId="1"/>
  </si>
  <si>
    <t>病院局県立病院課</t>
    <rPh sb="0" eb="3">
      <t>ビョウインキョク</t>
    </rPh>
    <phoneticPr fontId="1"/>
  </si>
  <si>
    <t>検診に関するファイル</t>
    <rPh sb="0" eb="2">
      <t>ケンシン</t>
    </rPh>
    <rPh sb="3" eb="4">
      <t>カン</t>
    </rPh>
    <phoneticPr fontId="1"/>
  </si>
  <si>
    <t>診療情報請求ファイル</t>
    <rPh sb="0" eb="2">
      <t>シンリョウ</t>
    </rPh>
    <rPh sb="2" eb="4">
      <t>ジョウホウ</t>
    </rPh>
    <rPh sb="4" eb="6">
      <t>セイキュウ</t>
    </rPh>
    <phoneticPr fontId="1"/>
  </si>
  <si>
    <t>教育庁東部社会教育研修センター</t>
    <rPh sb="0" eb="3">
      <t>キョウイクチョウ</t>
    </rPh>
    <rPh sb="3" eb="5">
      <t>トウブ</t>
    </rPh>
    <rPh sb="5" eb="7">
      <t>シャカイ</t>
    </rPh>
    <rPh sb="7" eb="9">
      <t>キョウイク</t>
    </rPh>
    <rPh sb="9" eb="11">
      <t>ケンシュウ</t>
    </rPh>
    <phoneticPr fontId="1"/>
  </si>
  <si>
    <t>教育庁西部社会教育研修センター</t>
    <rPh sb="0" eb="3">
      <t>キョウイクチョウ</t>
    </rPh>
    <rPh sb="3" eb="5">
      <t>セイブ</t>
    </rPh>
    <rPh sb="4" eb="5">
      <t>トウザイ</t>
    </rPh>
    <rPh sb="5" eb="7">
      <t>シャカイ</t>
    </rPh>
    <rPh sb="7" eb="9">
      <t>キョウイク</t>
    </rPh>
    <rPh sb="9" eb="11">
      <t>ケンシュウ</t>
    </rPh>
    <phoneticPr fontId="1"/>
  </si>
  <si>
    <t>女性保護事業ファイル</t>
  </si>
  <si>
    <t>母子父子寡婦福祉資金貸付金事務ファイル</t>
  </si>
  <si>
    <t>児童福祉法に基づく児童相談ファイル</t>
  </si>
  <si>
    <t>あいサポートメッセンジャー登録に関する事務ファイル</t>
  </si>
  <si>
    <t>健康福祉部障がい福祉課</t>
  </si>
  <si>
    <t>健康福祉部障がい福祉課</t>
    <phoneticPr fontId="1"/>
  </si>
  <si>
    <t>ヘルプマーク申請に関する事務ファイル</t>
  </si>
  <si>
    <t>心身障害者扶養共済制度関係事務ファイル</t>
  </si>
  <si>
    <t>島根県福祉人材センターの運営ファイル</t>
  </si>
  <si>
    <t>特別児童扶養手当支給事務関係ファイル</t>
  </si>
  <si>
    <t>医療保護入院関係ファイル</t>
  </si>
  <si>
    <t>自立支援医療費（精神通院医療）支給認定ファイル</t>
  </si>
  <si>
    <t>精神保健福祉手帳関係ファイル</t>
  </si>
  <si>
    <t>相談ファイル</t>
  </si>
  <si>
    <t>療育手帳交付関係ファイル</t>
  </si>
  <si>
    <t>療育手帳判定関係ファイル</t>
  </si>
  <si>
    <t>政策企画局統計調査課</t>
    <rPh sb="0" eb="2">
      <t>セイサク</t>
    </rPh>
    <rPh sb="2" eb="4">
      <t>キカク</t>
    </rPh>
    <rPh sb="4" eb="5">
      <t>キョク</t>
    </rPh>
    <rPh sb="5" eb="7">
      <t>トウケイ</t>
    </rPh>
    <rPh sb="7" eb="9">
      <t>チョウサ</t>
    </rPh>
    <rPh sb="9" eb="10">
      <t>カ</t>
    </rPh>
    <phoneticPr fontId="1"/>
  </si>
  <si>
    <t>地域振興部市町村課</t>
  </si>
  <si>
    <t>消費生活相談ファイル</t>
    <rPh sb="0" eb="2">
      <t>ショウヒ</t>
    </rPh>
    <rPh sb="2" eb="4">
      <t>セイカツ</t>
    </rPh>
    <rPh sb="4" eb="6">
      <t>ソウダン</t>
    </rPh>
    <phoneticPr fontId="1"/>
  </si>
  <si>
    <t>環境生活部文化国際課</t>
    <phoneticPr fontId="1"/>
  </si>
  <si>
    <t>政策企画局女性活躍推進課</t>
    <phoneticPr fontId="1"/>
  </si>
  <si>
    <t>総務部東部県民センター</t>
    <rPh sb="0" eb="3">
      <t>ソウムブ</t>
    </rPh>
    <rPh sb="3" eb="5">
      <t>トウブ</t>
    </rPh>
    <rPh sb="5" eb="7">
      <t>ケンミン</t>
    </rPh>
    <phoneticPr fontId="1"/>
  </si>
  <si>
    <t>総務部東部県民センター</t>
    <rPh sb="3" eb="5">
      <t>トウブ</t>
    </rPh>
    <rPh sb="5" eb="7">
      <t>ケンミン</t>
    </rPh>
    <phoneticPr fontId="1"/>
  </si>
  <si>
    <t>総務部西部県民センター</t>
    <rPh sb="3" eb="5">
      <t>セイブ</t>
    </rPh>
    <rPh sb="5" eb="7">
      <t>ケンミン</t>
    </rPh>
    <phoneticPr fontId="1"/>
  </si>
  <si>
    <t>健康福祉部心と体の相談センター</t>
    <rPh sb="0" eb="5">
      <t>ケンコウフクシブ</t>
    </rPh>
    <rPh sb="5" eb="6">
      <t>ココロ</t>
    </rPh>
    <rPh sb="7" eb="8">
      <t>カラダ</t>
    </rPh>
    <rPh sb="9" eb="11">
      <t>ソウダン</t>
    </rPh>
    <phoneticPr fontId="1"/>
  </si>
  <si>
    <t>健康福祉部心と体の相談センター</t>
    <rPh sb="5" eb="6">
      <t>ココロ</t>
    </rPh>
    <rPh sb="7" eb="8">
      <t>カラダ</t>
    </rPh>
    <rPh sb="9" eb="11">
      <t>ソウダン</t>
    </rPh>
    <phoneticPr fontId="1"/>
  </si>
  <si>
    <t>健康福祉部女性相談センター</t>
    <rPh sb="0" eb="2">
      <t>ケンコウ</t>
    </rPh>
    <rPh sb="2" eb="5">
      <t>フクシブ</t>
    </rPh>
    <phoneticPr fontId="1"/>
  </si>
  <si>
    <t>個人情報ファイル簿</t>
    <rPh sb="0" eb="4">
      <t>コジンジョウホウ</t>
    </rPh>
    <rPh sb="8" eb="9">
      <t>ボ</t>
    </rPh>
    <phoneticPr fontId="1"/>
  </si>
  <si>
    <t>環境生活部消費者センター</t>
    <rPh sb="0" eb="2">
      <t>カンキョウ</t>
    </rPh>
    <rPh sb="2" eb="5">
      <t>セイカツブ</t>
    </rPh>
    <rPh sb="5" eb="8">
      <t>ショウヒシャ</t>
    </rPh>
    <phoneticPr fontId="1"/>
  </si>
  <si>
    <t>第84回国民スポーツ大会・第29回全国障害者スポーツ大会愛称・スローガン募集ファイル</t>
  </si>
  <si>
    <t>教育庁松江北高等学校</t>
    <rPh sb="0" eb="3">
      <t>キョウイクチョウ</t>
    </rPh>
    <rPh sb="3" eb="5">
      <t>マツエ</t>
    </rPh>
    <rPh sb="5" eb="6">
      <t>キタ</t>
    </rPh>
    <rPh sb="6" eb="8">
      <t>コウトウ</t>
    </rPh>
    <rPh sb="8" eb="10">
      <t>ガッコウ</t>
    </rPh>
    <phoneticPr fontId="1"/>
  </si>
  <si>
    <t>健康管理ファイル（健康調査票）</t>
    <rPh sb="0" eb="2">
      <t>ケンコウ</t>
    </rPh>
    <rPh sb="2" eb="4">
      <t>カンリ</t>
    </rPh>
    <rPh sb="9" eb="11">
      <t>ケンコウ</t>
    </rPh>
    <rPh sb="11" eb="14">
      <t>チョウサヒョウ</t>
    </rPh>
    <phoneticPr fontId="1"/>
  </si>
  <si>
    <t>教育庁松江工業高等学校</t>
    <rPh sb="0" eb="3">
      <t>キョウイクチョウ</t>
    </rPh>
    <rPh sb="3" eb="11">
      <t>マツエコウギョウコウトウガッコウ</t>
    </rPh>
    <phoneticPr fontId="1"/>
  </si>
  <si>
    <t>教育庁安来高等学校</t>
    <rPh sb="0" eb="3">
      <t>キョウイクチョウ</t>
    </rPh>
    <rPh sb="3" eb="5">
      <t>ヤスギ</t>
    </rPh>
    <rPh sb="5" eb="7">
      <t>コウトウ</t>
    </rPh>
    <rPh sb="7" eb="9">
      <t>ガッコウ</t>
    </rPh>
    <phoneticPr fontId="2"/>
  </si>
  <si>
    <t>健康管理ファイル（健康診断票）</t>
    <rPh sb="0" eb="2">
      <t>ケンコウ</t>
    </rPh>
    <rPh sb="2" eb="4">
      <t>カンリ</t>
    </rPh>
    <rPh sb="9" eb="11">
      <t>ケンコウ</t>
    </rPh>
    <rPh sb="11" eb="13">
      <t>シンダン</t>
    </rPh>
    <rPh sb="13" eb="14">
      <t>ヒョウ</t>
    </rPh>
    <phoneticPr fontId="1"/>
  </si>
  <si>
    <t>教育庁松江北高等学校</t>
    <rPh sb="0" eb="3">
      <t>キョウイクチョウ</t>
    </rPh>
    <rPh sb="3" eb="5">
      <t>マツエ</t>
    </rPh>
    <rPh sb="5" eb="6">
      <t>キタ</t>
    </rPh>
    <rPh sb="6" eb="8">
      <t>コウトウ</t>
    </rPh>
    <rPh sb="8" eb="10">
      <t>ガッコウ</t>
    </rPh>
    <phoneticPr fontId="2"/>
  </si>
  <si>
    <t>教育庁松江東高等学校</t>
    <rPh sb="0" eb="3">
      <t>キョウイクチョウ</t>
    </rPh>
    <rPh sb="3" eb="5">
      <t>マツエ</t>
    </rPh>
    <rPh sb="5" eb="6">
      <t>ヒガシ</t>
    </rPh>
    <rPh sb="6" eb="8">
      <t>コウトウ</t>
    </rPh>
    <rPh sb="8" eb="10">
      <t>ガッコウ</t>
    </rPh>
    <phoneticPr fontId="2"/>
  </si>
  <si>
    <t>教育庁松江工業高等学校</t>
    <rPh sb="0" eb="3">
      <t>キョウイクチョウ</t>
    </rPh>
    <rPh sb="3" eb="5">
      <t>マツエ</t>
    </rPh>
    <rPh sb="5" eb="7">
      <t>コウギョウ</t>
    </rPh>
    <rPh sb="7" eb="9">
      <t>コウトウ</t>
    </rPh>
    <rPh sb="9" eb="11">
      <t>ガッコウ</t>
    </rPh>
    <phoneticPr fontId="2"/>
  </si>
  <si>
    <t>教育庁松江農林高等学校</t>
    <rPh sb="0" eb="3">
      <t>キョウイクチョウ</t>
    </rPh>
    <rPh sb="3" eb="5">
      <t>マツエ</t>
    </rPh>
    <rPh sb="5" eb="7">
      <t>ノウリン</t>
    </rPh>
    <rPh sb="7" eb="9">
      <t>コウトウ</t>
    </rPh>
    <rPh sb="9" eb="11">
      <t>ガッコウ</t>
    </rPh>
    <phoneticPr fontId="2"/>
  </si>
  <si>
    <t>教育庁大東高等学校</t>
    <rPh sb="0" eb="3">
      <t>キョウイクチョウ</t>
    </rPh>
    <rPh sb="3" eb="4">
      <t>オオ</t>
    </rPh>
    <rPh sb="4" eb="5">
      <t>ヒガシ</t>
    </rPh>
    <rPh sb="5" eb="7">
      <t>コウトウ</t>
    </rPh>
    <rPh sb="7" eb="9">
      <t>ガッコウ</t>
    </rPh>
    <phoneticPr fontId="2"/>
  </si>
  <si>
    <t>教育庁出雲工業高等学校</t>
    <rPh sb="0" eb="3">
      <t>キョウイクチョウ</t>
    </rPh>
    <rPh sb="3" eb="5">
      <t>イズモ</t>
    </rPh>
    <rPh sb="5" eb="7">
      <t>コウギョウ</t>
    </rPh>
    <rPh sb="7" eb="9">
      <t>コウトウ</t>
    </rPh>
    <rPh sb="9" eb="11">
      <t>ガッコウ</t>
    </rPh>
    <phoneticPr fontId="2"/>
  </si>
  <si>
    <t>教育庁出雲商業高等学校</t>
    <rPh sb="0" eb="3">
      <t>キョウイクチョウ</t>
    </rPh>
    <rPh sb="3" eb="5">
      <t>イズモ</t>
    </rPh>
    <rPh sb="5" eb="7">
      <t>ショウギョウ</t>
    </rPh>
    <rPh sb="7" eb="9">
      <t>コウトウ</t>
    </rPh>
    <rPh sb="9" eb="11">
      <t>ガッコウ</t>
    </rPh>
    <phoneticPr fontId="2"/>
  </si>
  <si>
    <t>教育庁出雲農林高等学校</t>
    <rPh sb="0" eb="3">
      <t>キョウイクチョウ</t>
    </rPh>
    <rPh sb="3" eb="5">
      <t>イズモ</t>
    </rPh>
    <rPh sb="5" eb="7">
      <t>ノウリン</t>
    </rPh>
    <rPh sb="7" eb="9">
      <t>コウトウ</t>
    </rPh>
    <rPh sb="9" eb="11">
      <t>ガッコウ</t>
    </rPh>
    <phoneticPr fontId="2"/>
  </si>
  <si>
    <t>教育庁大社高等学校</t>
    <rPh sb="0" eb="3">
      <t>キョウイクチョウ</t>
    </rPh>
    <rPh sb="3" eb="5">
      <t>タイシャ</t>
    </rPh>
    <rPh sb="5" eb="7">
      <t>コウトウ</t>
    </rPh>
    <rPh sb="7" eb="9">
      <t>ガッコウ</t>
    </rPh>
    <phoneticPr fontId="2"/>
  </si>
  <si>
    <t>教育庁益田高等学校</t>
    <rPh sb="0" eb="3">
      <t>キョウイクチョウ</t>
    </rPh>
    <rPh sb="3" eb="5">
      <t>マスダ</t>
    </rPh>
    <rPh sb="5" eb="7">
      <t>コウトウ</t>
    </rPh>
    <rPh sb="7" eb="9">
      <t>ガッコウ</t>
    </rPh>
    <phoneticPr fontId="2"/>
  </si>
  <si>
    <t>教育庁益田翔陽高等学校</t>
    <rPh sb="0" eb="3">
      <t>キョウイクチョウ</t>
    </rPh>
    <rPh sb="3" eb="5">
      <t>マスダ</t>
    </rPh>
    <rPh sb="5" eb="7">
      <t>ショウヨウ</t>
    </rPh>
    <rPh sb="7" eb="9">
      <t>コウトウ</t>
    </rPh>
    <rPh sb="9" eb="11">
      <t>ガッコウ</t>
    </rPh>
    <phoneticPr fontId="2"/>
  </si>
  <si>
    <t>教育庁松江養護学校</t>
    <rPh sb="0" eb="3">
      <t>キョウイクチョウ</t>
    </rPh>
    <rPh sb="3" eb="5">
      <t>マツエ</t>
    </rPh>
    <rPh sb="5" eb="7">
      <t>ヨウゴ</t>
    </rPh>
    <rPh sb="7" eb="9">
      <t>ガッコウ</t>
    </rPh>
    <phoneticPr fontId="2"/>
  </si>
  <si>
    <t>教育庁安来高等学校</t>
    <rPh sb="0" eb="3">
      <t>キョウイクチョウ</t>
    </rPh>
    <rPh sb="3" eb="5">
      <t>ヤスギ</t>
    </rPh>
    <rPh sb="5" eb="7">
      <t>コウトウ</t>
    </rPh>
    <rPh sb="7" eb="9">
      <t>ガッコウ</t>
    </rPh>
    <phoneticPr fontId="1"/>
  </si>
  <si>
    <t>健康管理ファイル（心身の健康管理に関する諸帳簿）</t>
    <phoneticPr fontId="1"/>
  </si>
  <si>
    <t>登録番号</t>
    <rPh sb="0" eb="2">
      <t>トウロク</t>
    </rPh>
    <rPh sb="2" eb="4">
      <t>バンゴウ</t>
    </rPh>
    <phoneticPr fontId="1"/>
  </si>
  <si>
    <t>所属名</t>
    <rPh sb="0" eb="2">
      <t>ショゾク</t>
    </rPh>
    <rPh sb="2" eb="3">
      <t>メイ</t>
    </rPh>
    <phoneticPr fontId="1"/>
  </si>
  <si>
    <t>土木部広瀬土木事業所</t>
    <rPh sb="0" eb="2">
      <t>ドボク</t>
    </rPh>
    <rPh sb="2" eb="3">
      <t>ブ</t>
    </rPh>
    <phoneticPr fontId="1"/>
  </si>
  <si>
    <t>土木部仁多土木事業所</t>
    <rPh sb="0" eb="2">
      <t>ドボク</t>
    </rPh>
    <rPh sb="2" eb="3">
      <t>ブ</t>
    </rPh>
    <phoneticPr fontId="1"/>
  </si>
  <si>
    <t>島根県会計年度任用職員採用試験ファイル</t>
    <rPh sb="0" eb="3">
      <t>シマネケン</t>
    </rPh>
    <rPh sb="3" eb="5">
      <t>カイケイ</t>
    </rPh>
    <rPh sb="5" eb="7">
      <t>ネンド</t>
    </rPh>
    <rPh sb="7" eb="9">
      <t>ニンヨウ</t>
    </rPh>
    <rPh sb="9" eb="11">
      <t>ショクイン</t>
    </rPh>
    <rPh sb="11" eb="13">
      <t>サイヨウ</t>
    </rPh>
    <rPh sb="13" eb="15">
      <t>シケン</t>
    </rPh>
    <phoneticPr fontId="1"/>
  </si>
  <si>
    <t>大腸がん検診未受診者対策事業事務ファイル</t>
    <rPh sb="0" eb="2">
      <t>ダイチョウ</t>
    </rPh>
    <rPh sb="4" eb="6">
      <t>ケンシン</t>
    </rPh>
    <rPh sb="6" eb="9">
      <t>ミジュシン</t>
    </rPh>
    <rPh sb="9" eb="10">
      <t>シャ</t>
    </rPh>
    <rPh sb="10" eb="12">
      <t>タイサク</t>
    </rPh>
    <rPh sb="12" eb="14">
      <t>ジギョウ</t>
    </rPh>
    <rPh sb="14" eb="16">
      <t>ジム</t>
    </rPh>
    <phoneticPr fontId="1"/>
  </si>
  <si>
    <t>軍歴照会事務ファイル（申請者）</t>
    <rPh sb="0" eb="2">
      <t>グンレキ</t>
    </rPh>
    <rPh sb="2" eb="4">
      <t>ショウカイ</t>
    </rPh>
    <rPh sb="4" eb="6">
      <t>ジム</t>
    </rPh>
    <rPh sb="11" eb="14">
      <t>シンセイシャ</t>
    </rPh>
    <phoneticPr fontId="1"/>
  </si>
  <si>
    <t>軍歴照会事務ファイル（旧軍人、軍属、準軍属）</t>
    <rPh sb="0" eb="2">
      <t>グンレキ</t>
    </rPh>
    <rPh sb="2" eb="4">
      <t>ショウカイ</t>
    </rPh>
    <rPh sb="4" eb="6">
      <t>ジム</t>
    </rPh>
    <rPh sb="11" eb="14">
      <t>キュウグンジン</t>
    </rPh>
    <rPh sb="15" eb="17">
      <t>グンゾク</t>
    </rPh>
    <rPh sb="18" eb="19">
      <t>ジュン</t>
    </rPh>
    <rPh sb="19" eb="21">
      <t>グンゾク</t>
    </rPh>
    <phoneticPr fontId="1"/>
  </si>
  <si>
    <t>しまね子育て応援パスポート事業　協賛店募集事務ファイル</t>
    <phoneticPr fontId="1"/>
  </si>
  <si>
    <t>施設型給付費に係る処遇改善等加算認定事務ファイル</t>
    <phoneticPr fontId="1"/>
  </si>
  <si>
    <t>こっころパスポート交付に関する事務ファイル</t>
    <phoneticPr fontId="1"/>
  </si>
  <si>
    <t>住宅瑕疵担保履行法に係る資力確保措置状況（保険契約の締結状況及び保証金の供託状況）の届出ファイル</t>
    <rPh sb="21" eb="23">
      <t>ホケン</t>
    </rPh>
    <rPh sb="23" eb="25">
      <t>ケイヤク</t>
    </rPh>
    <rPh sb="26" eb="28">
      <t>テイケツ</t>
    </rPh>
    <rPh sb="28" eb="30">
      <t>ジョウキョウ</t>
    </rPh>
    <rPh sb="30" eb="31">
      <t>オヨ</t>
    </rPh>
    <rPh sb="32" eb="35">
      <t>ホショウキン</t>
    </rPh>
    <rPh sb="36" eb="38">
      <t>キョウタク</t>
    </rPh>
    <rPh sb="38" eb="40">
      <t>ジョウキョウ</t>
    </rPh>
    <rPh sb="42" eb="44">
      <t>トドケデ</t>
    </rPh>
    <phoneticPr fontId="1"/>
  </si>
  <si>
    <t>附属機関等の委員の任命ファイル</t>
    <phoneticPr fontId="1"/>
  </si>
  <si>
    <t>総務部隠岐支庁県土整備局</t>
    <rPh sb="0" eb="3">
      <t>ソウムブ</t>
    </rPh>
    <rPh sb="3" eb="5">
      <t>オキ</t>
    </rPh>
    <rPh sb="5" eb="7">
      <t>シチョウ</t>
    </rPh>
    <rPh sb="7" eb="9">
      <t>ケンド</t>
    </rPh>
    <rPh sb="9" eb="12">
      <t>セイビキョク</t>
    </rPh>
    <phoneticPr fontId="1"/>
  </si>
  <si>
    <t>ふるさと島根寄附金ファイル</t>
    <phoneticPr fontId="1"/>
  </si>
  <si>
    <t>総務部隠岐支庁県土整備局島前事業部</t>
    <rPh sb="0" eb="3">
      <t>ソウムブ</t>
    </rPh>
    <rPh sb="3" eb="5">
      <t>オキ</t>
    </rPh>
    <rPh sb="5" eb="7">
      <t>シチョウ</t>
    </rPh>
    <rPh sb="7" eb="9">
      <t>ケンド</t>
    </rPh>
    <rPh sb="9" eb="11">
      <t>セイビ</t>
    </rPh>
    <rPh sb="11" eb="12">
      <t>キョク</t>
    </rPh>
    <rPh sb="12" eb="13">
      <t>シマ</t>
    </rPh>
    <rPh sb="13" eb="14">
      <t>マエ</t>
    </rPh>
    <rPh sb="14" eb="17">
      <t>ジギョウブ</t>
    </rPh>
    <phoneticPr fontId="1"/>
  </si>
  <si>
    <t>総務部隠岐支庁県土整備局</t>
    <rPh sb="0" eb="2">
      <t>ソウム</t>
    </rPh>
    <rPh sb="2" eb="3">
      <t>ブ</t>
    </rPh>
    <rPh sb="3" eb="5">
      <t>オキ</t>
    </rPh>
    <rPh sb="5" eb="7">
      <t>シチョウ</t>
    </rPh>
    <rPh sb="7" eb="9">
      <t>ケンド</t>
    </rPh>
    <rPh sb="9" eb="12">
      <t>セイビキョク</t>
    </rPh>
    <phoneticPr fontId="1"/>
  </si>
  <si>
    <t>70-2</t>
  </si>
  <si>
    <t>70-3</t>
  </si>
  <si>
    <t>70-4</t>
  </si>
  <si>
    <t>70-5</t>
  </si>
  <si>
    <t>70-6</t>
  </si>
  <si>
    <t>70-7</t>
  </si>
  <si>
    <t>70-8</t>
  </si>
  <si>
    <t>70-9</t>
  </si>
  <si>
    <t>70-10</t>
  </si>
  <si>
    <t>150-2</t>
  </si>
  <si>
    <t>150-3</t>
  </si>
  <si>
    <t>150-4</t>
  </si>
  <si>
    <t>150-5</t>
  </si>
  <si>
    <t>相談情報ファイル</t>
  </si>
  <si>
    <t>遺失物・拾得物管理ファイル</t>
  </si>
  <si>
    <t>自転車防犯登録ファイル</t>
  </si>
  <si>
    <t>警備業者役員等ファイル</t>
  </si>
  <si>
    <t>警備業資格者等ファイル</t>
  </si>
  <si>
    <t>選任警備員指導教育責任者及び選任機械警備業務管理者ファイル</t>
  </si>
  <si>
    <t>古物商等管理ファイル</t>
  </si>
  <si>
    <t>風俗営業等管理ファイル</t>
  </si>
  <si>
    <t>探偵業管理ファイル</t>
  </si>
  <si>
    <t>猟銃・空気銃等管理ファイル</t>
  </si>
  <si>
    <t>出会い系サイト事業者管理ファイル</t>
  </si>
  <si>
    <t>捜査の過程で押収した名簿登載者リストファイル</t>
  </si>
  <si>
    <t>不当要求防止責任者登録ファイル</t>
  </si>
  <si>
    <t>安全運転管理者台帳ファイル</t>
  </si>
  <si>
    <t>高齢者対策に関するファイル</t>
  </si>
  <si>
    <t>交通反則通告システムファイル</t>
  </si>
  <si>
    <t>放置駐車違反管理ファイル</t>
  </si>
  <si>
    <t>通行禁止道路通行許可申請者ファイル</t>
  </si>
  <si>
    <t>道路使用許可申請者ファイル</t>
  </si>
  <si>
    <t>自動車保管場所証明に関するファイル</t>
  </si>
  <si>
    <t>制限外積載・設備外積載・荷台乗車許可に関するファイル</t>
  </si>
  <si>
    <t>緊急通行車両確認に関するファイル</t>
  </si>
  <si>
    <t>運転者管理ファイル</t>
  </si>
  <si>
    <t>県警本部警務部広報県民課</t>
    <rPh sb="0" eb="4">
      <t>ケンケイホンブ</t>
    </rPh>
    <rPh sb="4" eb="6">
      <t>ケイム</t>
    </rPh>
    <rPh sb="6" eb="7">
      <t>ブ</t>
    </rPh>
    <rPh sb="7" eb="12">
      <t>コウホウケンミンカ</t>
    </rPh>
    <phoneticPr fontId="1"/>
  </si>
  <si>
    <t>県警本部生活安全部生活安全企画課</t>
    <rPh sb="0" eb="4">
      <t>ケンケイホンブ</t>
    </rPh>
    <rPh sb="4" eb="9">
      <t>セイカツアンゼンブ</t>
    </rPh>
    <rPh sb="9" eb="16">
      <t>セイカツアンゼンキカクカ</t>
    </rPh>
    <phoneticPr fontId="1"/>
  </si>
  <si>
    <t>県警本部刑事部組織犯罪対策課</t>
    <rPh sb="0" eb="4">
      <t>ケンケイホンブ</t>
    </rPh>
    <rPh sb="4" eb="7">
      <t>ケイジブ</t>
    </rPh>
    <rPh sb="7" eb="9">
      <t>ソシキ</t>
    </rPh>
    <rPh sb="9" eb="11">
      <t>ハンザイ</t>
    </rPh>
    <rPh sb="11" eb="13">
      <t>タイサク</t>
    </rPh>
    <rPh sb="13" eb="14">
      <t>カ</t>
    </rPh>
    <phoneticPr fontId="1"/>
  </si>
  <si>
    <t>県警本部交通部交通企画課</t>
    <rPh sb="0" eb="4">
      <t>ケンケイホンブ</t>
    </rPh>
    <rPh sb="4" eb="7">
      <t>コウツウブ</t>
    </rPh>
    <rPh sb="7" eb="12">
      <t>コウツウキカクカ</t>
    </rPh>
    <phoneticPr fontId="1"/>
  </si>
  <si>
    <t>県警本部交通部交通指導課</t>
    <rPh sb="0" eb="4">
      <t>ケンケイホンブ</t>
    </rPh>
    <rPh sb="4" eb="7">
      <t>コウツウブ</t>
    </rPh>
    <rPh sb="7" eb="12">
      <t>コウツウシドウカ</t>
    </rPh>
    <phoneticPr fontId="1"/>
  </si>
  <si>
    <t>県警本部交通部交通規制課</t>
    <rPh sb="0" eb="4">
      <t>ケンケイホンブ</t>
    </rPh>
    <rPh sb="4" eb="7">
      <t>コウツウブ</t>
    </rPh>
    <rPh sb="7" eb="12">
      <t>コウツウキセイカ</t>
    </rPh>
    <phoneticPr fontId="1"/>
  </si>
  <si>
    <t>県警本部交通部運転免許課</t>
    <rPh sb="0" eb="4">
      <t>ケンケイホンブ</t>
    </rPh>
    <rPh sb="4" eb="7">
      <t>コウツウブ</t>
    </rPh>
    <rPh sb="7" eb="12">
      <t>ウンテンメンキョカ</t>
    </rPh>
    <phoneticPr fontId="1"/>
  </si>
  <si>
    <t>警務部会計課、交通部運転免許課、交通機動隊、高速道路交通警察隊、松江警察署、安来警察署、雲南警察署、出雲警察署、大田警察署、川本警察署、江津警察署、浜田警察署、益田警察署、津和野警察署、隠岐の島警察署、浦郷警察署</t>
    <phoneticPr fontId="1"/>
  </si>
  <si>
    <t>F000502</t>
  </si>
  <si>
    <t>F102516</t>
  </si>
  <si>
    <t>F103002</t>
  </si>
  <si>
    <t>F103001</t>
  </si>
  <si>
    <t>総務部管財課</t>
    <rPh sb="0" eb="3">
      <t>ソウムブ</t>
    </rPh>
    <rPh sb="3" eb="6">
      <t>カンザイカ</t>
    </rPh>
    <phoneticPr fontId="1"/>
  </si>
  <si>
    <t>F106005</t>
  </si>
  <si>
    <t>F106006</t>
  </si>
  <si>
    <t>F106007</t>
  </si>
  <si>
    <t>F106008</t>
  </si>
  <si>
    <t>F106009</t>
  </si>
  <si>
    <t>F106010</t>
  </si>
  <si>
    <t>F106104</t>
  </si>
  <si>
    <t>F106105</t>
  </si>
  <si>
    <t>F106106</t>
  </si>
  <si>
    <t>F106107</t>
  </si>
  <si>
    <t>F106108</t>
  </si>
  <si>
    <t>F106109</t>
  </si>
  <si>
    <t>F106201</t>
  </si>
  <si>
    <t>F151601</t>
  </si>
  <si>
    <t>F151602</t>
  </si>
  <si>
    <t>F401513</t>
  </si>
  <si>
    <t>F402016</t>
  </si>
  <si>
    <t>F403508</t>
  </si>
  <si>
    <t>F501103</t>
  </si>
  <si>
    <t>F501104</t>
  </si>
  <si>
    <t>F602002</t>
  </si>
  <si>
    <t>F603004</t>
  </si>
  <si>
    <t>F706017</t>
  </si>
  <si>
    <t>挨拶状及び年賀状作成に係る事務</t>
    <rPh sb="0" eb="3">
      <t>アイサツジョウ</t>
    </rPh>
    <rPh sb="3" eb="4">
      <t>オヨ</t>
    </rPh>
    <rPh sb="5" eb="10">
      <t>ネンガジョウサクセイ</t>
    </rPh>
    <rPh sb="11" eb="12">
      <t>カカ</t>
    </rPh>
    <rPh sb="13" eb="15">
      <t>ジム</t>
    </rPh>
    <phoneticPr fontId="1"/>
  </si>
  <si>
    <t>県税収納の履歴の管理に関する事務ファイル</t>
    <rPh sb="0" eb="4">
      <t>ケンゼイシュウノウ</t>
    </rPh>
    <rPh sb="5" eb="7">
      <t>リレキ</t>
    </rPh>
    <rPh sb="8" eb="10">
      <t>カンリ</t>
    </rPh>
    <rPh sb="11" eb="12">
      <t>カン</t>
    </rPh>
    <rPh sb="14" eb="16">
      <t>ジム</t>
    </rPh>
    <phoneticPr fontId="1"/>
  </si>
  <si>
    <t>庁舎の管理に関する業務及び電気供給業務の契約に係る競争入札参加資格審査事務</t>
    <phoneticPr fontId="1"/>
  </si>
  <si>
    <t>庁舎の清掃業務、警備事務等の委託に係る競争入札参加資格審査事務</t>
    <rPh sb="0" eb="2">
      <t>チョウシャ</t>
    </rPh>
    <rPh sb="3" eb="7">
      <t>セイソウギョウム</t>
    </rPh>
    <rPh sb="8" eb="13">
      <t>ケイビジムトウ</t>
    </rPh>
    <rPh sb="14" eb="16">
      <t>イタク</t>
    </rPh>
    <rPh sb="17" eb="18">
      <t>カカ</t>
    </rPh>
    <rPh sb="19" eb="27">
      <t>キョウソウニュウサツサンカシカク</t>
    </rPh>
    <rPh sb="27" eb="31">
      <t>シンサジム</t>
    </rPh>
    <phoneticPr fontId="1"/>
  </si>
  <si>
    <t>県税の口座振替による収納に関する事務ファイル</t>
    <rPh sb="0" eb="2">
      <t>ケンゼイ</t>
    </rPh>
    <rPh sb="3" eb="5">
      <t>コウザ</t>
    </rPh>
    <rPh sb="5" eb="7">
      <t>フリカエ</t>
    </rPh>
    <rPh sb="10" eb="12">
      <t>シュウノウ</t>
    </rPh>
    <rPh sb="13" eb="14">
      <t>カン</t>
    </rPh>
    <rPh sb="16" eb="18">
      <t>ジム</t>
    </rPh>
    <phoneticPr fontId="1"/>
  </si>
  <si>
    <t>県税の催促等に関する事務ファイル</t>
    <rPh sb="0" eb="2">
      <t>ケンゼイ</t>
    </rPh>
    <rPh sb="3" eb="6">
      <t>サイソクトウ</t>
    </rPh>
    <rPh sb="7" eb="8">
      <t>カン</t>
    </rPh>
    <rPh sb="10" eb="12">
      <t>ジム</t>
    </rPh>
    <phoneticPr fontId="1"/>
  </si>
  <si>
    <t>県税の還付・充当に関する事務ファイル</t>
    <rPh sb="0" eb="2">
      <t>ケンゼイ</t>
    </rPh>
    <rPh sb="3" eb="5">
      <t>カンプ</t>
    </rPh>
    <rPh sb="6" eb="8">
      <t>ジュウトウ</t>
    </rPh>
    <rPh sb="9" eb="10">
      <t>カン</t>
    </rPh>
    <rPh sb="12" eb="14">
      <t>ジム</t>
    </rPh>
    <phoneticPr fontId="1"/>
  </si>
  <si>
    <t>県税滞納整理のための財産調査等に関する事務ファイル</t>
    <rPh sb="0" eb="6">
      <t>ケンゼイタイノウセイリ</t>
    </rPh>
    <rPh sb="10" eb="15">
      <t>ザイサンチョウサトウ</t>
    </rPh>
    <rPh sb="16" eb="17">
      <t>カン</t>
    </rPh>
    <rPh sb="19" eb="21">
      <t>ジム</t>
    </rPh>
    <phoneticPr fontId="1"/>
  </si>
  <si>
    <t>県税徴収のための差押に関する事務ファイル</t>
    <rPh sb="0" eb="4">
      <t>ケンゼイチョウシュウ</t>
    </rPh>
    <rPh sb="8" eb="10">
      <t>サシオサエ</t>
    </rPh>
    <rPh sb="11" eb="12">
      <t>カン</t>
    </rPh>
    <rPh sb="14" eb="16">
      <t>ジム</t>
    </rPh>
    <phoneticPr fontId="1"/>
  </si>
  <si>
    <t>住宅用土地の取得に対する不動産取得税の聴取猶予に関する事務ファイル</t>
    <rPh sb="0" eb="5">
      <t>ジュウタクヨウトチ</t>
    </rPh>
    <rPh sb="6" eb="8">
      <t>シュトク</t>
    </rPh>
    <rPh sb="9" eb="10">
      <t>タイ</t>
    </rPh>
    <rPh sb="12" eb="17">
      <t>フドウサンシュトク</t>
    </rPh>
    <rPh sb="17" eb="18">
      <t>ゼイ</t>
    </rPh>
    <rPh sb="19" eb="23">
      <t>チョウシュユウヨ</t>
    </rPh>
    <rPh sb="24" eb="25">
      <t>カン</t>
    </rPh>
    <rPh sb="27" eb="29">
      <t>ジム</t>
    </rPh>
    <phoneticPr fontId="1"/>
  </si>
  <si>
    <t>市町村職員研修受講者名簿作成ファイル</t>
    <rPh sb="0" eb="7">
      <t>シチョウソンショクインケンシュウ</t>
    </rPh>
    <rPh sb="7" eb="14">
      <t>ジュコウシャメイボサクセイ</t>
    </rPh>
    <phoneticPr fontId="1"/>
  </si>
  <si>
    <t>消防教員教育ファイル</t>
    <rPh sb="0" eb="6">
      <t>ショウボウキョウインキョウイク</t>
    </rPh>
    <phoneticPr fontId="1"/>
  </si>
  <si>
    <t>消防団員教育ファイル</t>
    <rPh sb="0" eb="3">
      <t>ショウボウダン</t>
    </rPh>
    <rPh sb="3" eb="4">
      <t>イン</t>
    </rPh>
    <rPh sb="4" eb="6">
      <t>キョウイク</t>
    </rPh>
    <phoneticPr fontId="1"/>
  </si>
  <si>
    <t>しまね健康寿命延伸プロジェクトモデル地区活動で実施する健康調査</t>
    <rPh sb="3" eb="7">
      <t>ケンコウジュミョウ</t>
    </rPh>
    <rPh sb="7" eb="9">
      <t>エンシン</t>
    </rPh>
    <rPh sb="18" eb="20">
      <t>チク</t>
    </rPh>
    <rPh sb="20" eb="22">
      <t>カツドウ</t>
    </rPh>
    <rPh sb="23" eb="25">
      <t>ジッシ</t>
    </rPh>
    <rPh sb="27" eb="31">
      <t>ケンコウチョウサ</t>
    </rPh>
    <phoneticPr fontId="1"/>
  </si>
  <si>
    <t>引揚者給付金等支給事務ファイル</t>
    <rPh sb="0" eb="1">
      <t>ヒ</t>
    </rPh>
    <rPh sb="1" eb="2">
      <t>ア</t>
    </rPh>
    <rPh sb="2" eb="3">
      <t>シャ</t>
    </rPh>
    <rPh sb="3" eb="6">
      <t>キュウフキン</t>
    </rPh>
    <rPh sb="6" eb="7">
      <t>トウ</t>
    </rPh>
    <rPh sb="7" eb="11">
      <t>シキュウジム</t>
    </rPh>
    <phoneticPr fontId="1"/>
  </si>
  <si>
    <t>島根県猫の繁殖抑制支援モデル事業</t>
    <rPh sb="0" eb="4">
      <t>シマネケンネコ</t>
    </rPh>
    <rPh sb="5" eb="11">
      <t>ハンショクヨクセイシエン</t>
    </rPh>
    <rPh sb="14" eb="16">
      <t>ジギョウ</t>
    </rPh>
    <phoneticPr fontId="1"/>
  </si>
  <si>
    <t>農地中間管理事業に関する裁定事務ファイル</t>
    <rPh sb="0" eb="8">
      <t>ノウチチュウカンカンリジギョウ</t>
    </rPh>
    <rPh sb="9" eb="10">
      <t>カン</t>
    </rPh>
    <rPh sb="12" eb="16">
      <t>サイテイジム</t>
    </rPh>
    <phoneticPr fontId="1"/>
  </si>
  <si>
    <t>農地の権利移動・借貸調査ファイル</t>
    <rPh sb="0" eb="2">
      <t>ノウチ</t>
    </rPh>
    <rPh sb="3" eb="5">
      <t>ケンリ</t>
    </rPh>
    <rPh sb="5" eb="7">
      <t>イドウ</t>
    </rPh>
    <rPh sb="8" eb="9">
      <t>カ</t>
    </rPh>
    <rPh sb="9" eb="10">
      <t>カ</t>
    </rPh>
    <rPh sb="10" eb="12">
      <t>チョウサ</t>
    </rPh>
    <phoneticPr fontId="1"/>
  </si>
  <si>
    <t>IT人材確保促進事業事務</t>
    <rPh sb="2" eb="4">
      <t>ジンザイ</t>
    </rPh>
    <rPh sb="4" eb="12">
      <t>カクホソクシンジギョウジム</t>
    </rPh>
    <phoneticPr fontId="1"/>
  </si>
  <si>
    <t>島根県優秀専門技能者認定事務</t>
    <rPh sb="0" eb="10">
      <t>シマネケンユウシュウセンモンギノウシャ</t>
    </rPh>
    <rPh sb="10" eb="14">
      <t>ニンテイジム</t>
    </rPh>
    <phoneticPr fontId="1"/>
  </si>
  <si>
    <t>被災建築物応急危険度判定士台帳</t>
    <rPh sb="0" eb="5">
      <t>ヒサイケンチクブツ</t>
    </rPh>
    <rPh sb="5" eb="7">
      <t>オウキュウ</t>
    </rPh>
    <rPh sb="7" eb="10">
      <t>キケンド</t>
    </rPh>
    <rPh sb="10" eb="13">
      <t>ハンテイシ</t>
    </rPh>
    <rPh sb="13" eb="15">
      <t>ダイチョウ</t>
    </rPh>
    <phoneticPr fontId="1"/>
  </si>
  <si>
    <t>F001501</t>
  </si>
  <si>
    <t>F002001</t>
  </si>
  <si>
    <t>F002501</t>
  </si>
  <si>
    <t>F002502</t>
  </si>
  <si>
    <t>F002503</t>
  </si>
  <si>
    <t>F100501</t>
  </si>
  <si>
    <t>F100502</t>
  </si>
  <si>
    <t>F100503</t>
  </si>
  <si>
    <t>F100504</t>
  </si>
  <si>
    <t>F100505</t>
  </si>
  <si>
    <t>F100506</t>
  </si>
  <si>
    <t>F100507</t>
  </si>
  <si>
    <t>F101001</t>
  </si>
  <si>
    <t>F102501</t>
  </si>
  <si>
    <t>F102502</t>
  </si>
  <si>
    <t>F102504</t>
  </si>
  <si>
    <t>F102505</t>
  </si>
  <si>
    <t>F102506</t>
  </si>
  <si>
    <t>F102507</t>
  </si>
  <si>
    <t>F102508</t>
  </si>
  <si>
    <t>F102509</t>
  </si>
  <si>
    <t>F102510</t>
  </si>
  <si>
    <t>F102511</t>
  </si>
  <si>
    <t>F102512</t>
  </si>
  <si>
    <t>F102513</t>
  </si>
  <si>
    <t>F102514</t>
  </si>
  <si>
    <t>F102515</t>
  </si>
  <si>
    <t>F105001</t>
  </si>
  <si>
    <t>F105501</t>
  </si>
  <si>
    <t>F105502</t>
  </si>
  <si>
    <t>F105901</t>
  </si>
  <si>
    <t>F105902</t>
  </si>
  <si>
    <t>F106202</t>
  </si>
  <si>
    <t>F106001</t>
  </si>
  <si>
    <t>F106002</t>
  </si>
  <si>
    <t>F106003</t>
  </si>
  <si>
    <t>F106004</t>
  </si>
  <si>
    <t>F106101</t>
  </si>
  <si>
    <t>F106102</t>
  </si>
  <si>
    <t>F106103</t>
  </si>
  <si>
    <t>F150501</t>
  </si>
  <si>
    <t>F150502</t>
  </si>
  <si>
    <t>F150503</t>
  </si>
  <si>
    <t>F201001</t>
  </si>
  <si>
    <t>F301501</t>
  </si>
  <si>
    <t>F303501</t>
  </si>
  <si>
    <t>F303502</t>
  </si>
  <si>
    <t>F303601</t>
  </si>
  <si>
    <t>F304001</t>
  </si>
  <si>
    <t>F304002</t>
  </si>
  <si>
    <t>F304003</t>
  </si>
  <si>
    <t>F304004</t>
  </si>
  <si>
    <t>F401001</t>
  </si>
  <si>
    <t>F401002</t>
  </si>
  <si>
    <t>F401003</t>
  </si>
  <si>
    <t>F401004</t>
  </si>
  <si>
    <t>F401005</t>
  </si>
  <si>
    <t>F401006</t>
  </si>
  <si>
    <t>F401007</t>
  </si>
  <si>
    <t>F401008</t>
  </si>
  <si>
    <t>F401009</t>
  </si>
  <si>
    <t>F401010</t>
  </si>
  <si>
    <t>F401501</t>
  </si>
  <si>
    <t>F401502</t>
  </si>
  <si>
    <t>F401503</t>
  </si>
  <si>
    <t>F401504</t>
  </si>
  <si>
    <t>F401505</t>
  </si>
  <si>
    <t>F401506</t>
  </si>
  <si>
    <t>F401507</t>
  </si>
  <si>
    <t>F401508</t>
  </si>
  <si>
    <t>F401509</t>
  </si>
  <si>
    <t>F401510</t>
  </si>
  <si>
    <t>F401511</t>
  </si>
  <si>
    <t>F401512</t>
  </si>
  <si>
    <t>F402001</t>
  </si>
  <si>
    <t>F402002</t>
  </si>
  <si>
    <t>F402003</t>
  </si>
  <si>
    <t>F402004</t>
  </si>
  <si>
    <t>F402005</t>
  </si>
  <si>
    <t>F402006</t>
  </si>
  <si>
    <t>F402007</t>
  </si>
  <si>
    <t>F402008</t>
  </si>
  <si>
    <t>F402009</t>
  </si>
  <si>
    <t>F402010</t>
  </si>
  <si>
    <t>F402011</t>
  </si>
  <si>
    <t>F402012</t>
  </si>
  <si>
    <t>F402013</t>
  </si>
  <si>
    <t>F402014</t>
  </si>
  <si>
    <t>F402015</t>
  </si>
  <si>
    <t>F402501</t>
  </si>
  <si>
    <t>F402502</t>
  </si>
  <si>
    <t>F403001</t>
  </si>
  <si>
    <t>F403002</t>
  </si>
  <si>
    <t>F403003</t>
  </si>
  <si>
    <t>F403004</t>
  </si>
  <si>
    <t>F403005</t>
  </si>
  <si>
    <t>F403006</t>
  </si>
  <si>
    <t>F403501</t>
  </si>
  <si>
    <t>F403502</t>
  </si>
  <si>
    <t>F403503</t>
  </si>
  <si>
    <t>F403504</t>
  </si>
  <si>
    <t>F403505</t>
  </si>
  <si>
    <t>F403506</t>
  </si>
  <si>
    <t>F403507</t>
  </si>
  <si>
    <t>F404001</t>
  </si>
  <si>
    <t>F404002</t>
  </si>
  <si>
    <t>F404501</t>
  </si>
  <si>
    <t>F404502</t>
  </si>
  <si>
    <t>F404503</t>
  </si>
  <si>
    <t>F404504</t>
  </si>
  <si>
    <t>F404505</t>
  </si>
  <si>
    <t>F404506</t>
  </si>
  <si>
    <t>F404507</t>
  </si>
  <si>
    <t>F405001</t>
  </si>
  <si>
    <t>F405002</t>
  </si>
  <si>
    <t>F405003</t>
  </si>
  <si>
    <t>F405004</t>
  </si>
  <si>
    <t>F405005</t>
  </si>
  <si>
    <t>F405101</t>
  </si>
  <si>
    <t>F405201</t>
  </si>
  <si>
    <t>F405202</t>
  </si>
  <si>
    <t>F405203</t>
  </si>
  <si>
    <t>F405204</t>
  </si>
  <si>
    <t>F405205</t>
  </si>
  <si>
    <t>F405206</t>
  </si>
  <si>
    <t>F405207</t>
  </si>
  <si>
    <t>F405208</t>
  </si>
  <si>
    <t>F405209</t>
  </si>
  <si>
    <t>F405210</t>
  </si>
  <si>
    <t>F501101</t>
  </si>
  <si>
    <t>F501102</t>
  </si>
  <si>
    <t>F501501</t>
  </si>
  <si>
    <t>F501502</t>
  </si>
  <si>
    <t>F503001</t>
  </si>
  <si>
    <t>F504501</t>
  </si>
  <si>
    <t>F504502</t>
  </si>
  <si>
    <t>F504503</t>
  </si>
  <si>
    <t>F504504</t>
  </si>
  <si>
    <t>F508501</t>
  </si>
  <si>
    <t>F509501</t>
  </si>
  <si>
    <t>F509502</t>
  </si>
  <si>
    <t>F509601</t>
  </si>
  <si>
    <t>F602001</t>
  </si>
  <si>
    <t>F603001</t>
  </si>
  <si>
    <t>F603002</t>
  </si>
  <si>
    <t>F700501</t>
  </si>
  <si>
    <t>F700502</t>
  </si>
  <si>
    <t>F700503</t>
  </si>
  <si>
    <t>F700504</t>
  </si>
  <si>
    <t>F700505</t>
  </si>
  <si>
    <t>F701501</t>
  </si>
  <si>
    <t>F703501</t>
  </si>
  <si>
    <t>F703502</t>
  </si>
  <si>
    <t>F706001</t>
  </si>
  <si>
    <t>F706002</t>
  </si>
  <si>
    <t>F706003</t>
  </si>
  <si>
    <t>F706004</t>
  </si>
  <si>
    <t>F706005</t>
  </si>
  <si>
    <t>F706006</t>
  </si>
  <si>
    <t>F706007</t>
  </si>
  <si>
    <t>F706008</t>
  </si>
  <si>
    <t>F706009</t>
  </si>
  <si>
    <t>F706010</t>
  </si>
  <si>
    <t>F706011</t>
  </si>
  <si>
    <t>F706012</t>
  </si>
  <si>
    <t>F706013</t>
  </si>
  <si>
    <t>F706014</t>
  </si>
  <si>
    <t>F706015</t>
  </si>
  <si>
    <t>F706016</t>
  </si>
  <si>
    <t>F706601</t>
  </si>
  <si>
    <t>F706602</t>
  </si>
  <si>
    <t>F706701</t>
  </si>
  <si>
    <t>F706702</t>
  </si>
  <si>
    <t>F706801</t>
  </si>
  <si>
    <t>F706802</t>
  </si>
  <si>
    <t>F706901</t>
  </si>
  <si>
    <t>F706902</t>
  </si>
  <si>
    <t>F707001</t>
  </si>
  <si>
    <t>F707002</t>
  </si>
  <si>
    <t>F707101</t>
  </si>
  <si>
    <t>F707102</t>
  </si>
  <si>
    <t>F707201</t>
  </si>
  <si>
    <t>F707202</t>
  </si>
  <si>
    <t>F707301</t>
  </si>
  <si>
    <t>F707302</t>
  </si>
  <si>
    <t>F707401</t>
  </si>
  <si>
    <t>F707402</t>
  </si>
  <si>
    <t>F707501</t>
  </si>
  <si>
    <t>F707502</t>
  </si>
  <si>
    <t>F707601</t>
  </si>
  <si>
    <t>F707602</t>
  </si>
  <si>
    <t>F707701</t>
  </si>
  <si>
    <t>F707702</t>
  </si>
  <si>
    <t>F707901</t>
  </si>
  <si>
    <t>F707902</t>
  </si>
  <si>
    <t>F800501</t>
  </si>
  <si>
    <t>F834501</t>
  </si>
  <si>
    <t>F836501</t>
  </si>
  <si>
    <t>F837001</t>
  </si>
  <si>
    <t>F837002</t>
  </si>
  <si>
    <t>F837003</t>
  </si>
  <si>
    <t>F837004</t>
  </si>
  <si>
    <t>F837005</t>
  </si>
  <si>
    <t>F837006</t>
  </si>
  <si>
    <t>F837007</t>
  </si>
  <si>
    <t>F837008</t>
  </si>
  <si>
    <t>F837009</t>
  </si>
  <si>
    <t>F837010</t>
  </si>
  <si>
    <t>F837501</t>
  </si>
  <si>
    <t>F837502</t>
  </si>
  <si>
    <t>F837503</t>
  </si>
  <si>
    <t>F837504</t>
  </si>
  <si>
    <t>F837601</t>
  </si>
  <si>
    <t>F837701</t>
  </si>
  <si>
    <t>F837801</t>
  </si>
  <si>
    <t>F837901</t>
  </si>
  <si>
    <t>F837902</t>
  </si>
  <si>
    <t>F838001</t>
  </si>
  <si>
    <t>F838002</t>
  </si>
  <si>
    <t>F838101</t>
  </si>
  <si>
    <t>F838201</t>
  </si>
  <si>
    <t>F838202</t>
  </si>
  <si>
    <t>F838301</t>
  </si>
  <si>
    <t>F838401</t>
  </si>
  <si>
    <t>F838501</t>
  </si>
  <si>
    <t>F838601</t>
  </si>
  <si>
    <t>F838701</t>
  </si>
  <si>
    <t>F838801</t>
  </si>
  <si>
    <t>F838901</t>
  </si>
  <si>
    <t>F839001</t>
  </si>
  <si>
    <t>F839101</t>
  </si>
  <si>
    <t>F840001</t>
  </si>
  <si>
    <t>F840002</t>
  </si>
  <si>
    <t>F850001</t>
  </si>
  <si>
    <t>F850002</t>
  </si>
  <si>
    <t>F920001</t>
  </si>
  <si>
    <t>F920501</t>
  </si>
  <si>
    <t>F920502</t>
  </si>
  <si>
    <t>F920503</t>
  </si>
  <si>
    <t>F920504</t>
  </si>
  <si>
    <t>F920505</t>
  </si>
  <si>
    <t>F920506</t>
  </si>
  <si>
    <t>F920507</t>
  </si>
  <si>
    <t>F920508</t>
  </si>
  <si>
    <t>F920509</t>
  </si>
  <si>
    <t>F920510</t>
  </si>
  <si>
    <t>F920511</t>
  </si>
  <si>
    <t>F920512</t>
  </si>
  <si>
    <t>F920513</t>
  </si>
  <si>
    <t>F920514</t>
  </si>
  <si>
    <t>F921001</t>
  </si>
  <si>
    <t>F921002</t>
  </si>
  <si>
    <t>F921003</t>
  </si>
  <si>
    <t>F921004</t>
  </si>
  <si>
    <t>F921005</t>
  </si>
  <si>
    <t>F921006</t>
  </si>
  <si>
    <t>F921007</t>
  </si>
  <si>
    <t>F921008</t>
  </si>
  <si>
    <t>F921009</t>
  </si>
  <si>
    <t>F921010</t>
  </si>
  <si>
    <t>20-1</t>
  </si>
  <si>
    <t>30-1</t>
  </si>
  <si>
    <t>70-1</t>
  </si>
  <si>
    <t>110-1</t>
  </si>
  <si>
    <t>130-1</t>
  </si>
  <si>
    <t>130-2</t>
  </si>
  <si>
    <t>140-1</t>
  </si>
  <si>
    <t>140-2</t>
  </si>
  <si>
    <t>150-1</t>
  </si>
  <si>
    <t>160-1</t>
  </si>
  <si>
    <t xml:space="preserve">F102503 </t>
    <phoneticPr fontId="1"/>
  </si>
  <si>
    <t xml:space="preserve">F000001 </t>
    <phoneticPr fontId="1"/>
  </si>
  <si>
    <t>防災部消防学校</t>
    <rPh sb="0" eb="3">
      <t>ボウサイブ</t>
    </rPh>
    <rPh sb="3" eb="7">
      <t>ショウボウガッコウ</t>
    </rPh>
    <phoneticPr fontId="1"/>
  </si>
  <si>
    <t>総務部自治研修所</t>
    <rPh sb="0" eb="3">
      <t>ソウムブ</t>
    </rPh>
    <rPh sb="3" eb="8">
      <t>ジチケンシュウジョ</t>
    </rPh>
    <phoneticPr fontId="1"/>
  </si>
  <si>
    <t>F000501</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1"/>
      <name val="ＭＳ Ｐゴシック"/>
      <family val="3"/>
      <charset val="128"/>
    </font>
    <font>
      <sz val="6"/>
      <name val="ＭＳ Ｐゴシック"/>
      <family val="3"/>
      <charset val="128"/>
    </font>
    <font>
      <sz val="10"/>
      <name val="ＭＳ Ｐ明朝"/>
      <family val="1"/>
      <charset val="128"/>
    </font>
    <font>
      <sz val="11"/>
      <name val="ＭＳ Ｐ明朝"/>
      <family val="1"/>
      <charset val="128"/>
    </font>
    <font>
      <b/>
      <sz val="10"/>
      <name val="ＭＳ Ｐ明朝"/>
      <family val="1"/>
      <charset val="128"/>
    </font>
    <font>
      <sz val="6"/>
      <name val="ＭＳ Ｐゴシック"/>
      <family val="2"/>
      <charset val="128"/>
      <scheme val="minor"/>
    </font>
    <font>
      <b/>
      <sz val="14"/>
      <color theme="1"/>
      <name val="ＭＳ Ｐゴシック"/>
      <family val="3"/>
      <charset val="128"/>
      <scheme val="minor"/>
    </font>
    <font>
      <sz val="11"/>
      <name val="ＭＳ Ｐゴシック"/>
      <family val="3"/>
      <charset val="128"/>
    </font>
    <font>
      <b/>
      <sz val="11"/>
      <name val="ＭＳ Ｐ明朝"/>
      <family val="1"/>
      <charset val="128"/>
    </font>
    <font>
      <sz val="11"/>
      <name val="ＭＳ 明朝"/>
      <family val="1"/>
      <charset val="128"/>
    </font>
  </fonts>
  <fills count="4">
    <fill>
      <patternFill patternType="none"/>
    </fill>
    <fill>
      <patternFill patternType="gray125"/>
    </fill>
    <fill>
      <patternFill patternType="solid">
        <fgColor rgb="FFFFFF99"/>
        <bgColor indexed="64"/>
      </patternFill>
    </fill>
    <fill>
      <patternFill patternType="solid">
        <fgColor theme="0"/>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style="hair">
        <color indexed="64"/>
      </left>
      <right/>
      <top style="hair">
        <color indexed="64"/>
      </top>
      <bottom style="hair">
        <color indexed="64"/>
      </bottom>
      <diagonal/>
    </border>
  </borders>
  <cellStyleXfs count="3">
    <xf numFmtId="0" fontId="0" fillId="0" borderId="0"/>
    <xf numFmtId="0" fontId="7" fillId="0" borderId="0"/>
    <xf numFmtId="0" fontId="9" fillId="0" borderId="0">
      <alignment vertical="center"/>
    </xf>
  </cellStyleXfs>
  <cellXfs count="21">
    <xf numFmtId="0" fontId="0" fillId="0" borderId="0" xfId="0"/>
    <xf numFmtId="0" fontId="0" fillId="0" borderId="0" xfId="0" applyAlignment="1">
      <alignment vertical="center"/>
    </xf>
    <xf numFmtId="0" fontId="3" fillId="0" borderId="0" xfId="0" applyFont="1" applyFill="1" applyAlignment="1">
      <alignment horizontal="right" vertical="center"/>
    </xf>
    <xf numFmtId="0" fontId="8" fillId="2" borderId="1" xfId="0" applyFont="1" applyFill="1" applyBorder="1" applyAlignment="1">
      <alignment horizontal="center" vertical="center" wrapText="1"/>
    </xf>
    <xf numFmtId="0" fontId="0" fillId="0" borderId="0" xfId="0" applyFill="1" applyBorder="1" applyAlignment="1">
      <alignment horizontal="center" vertical="center" wrapText="1"/>
    </xf>
    <xf numFmtId="0" fontId="0" fillId="0" borderId="0" xfId="0" applyBorder="1" applyAlignment="1">
      <alignment horizontal="center" vertical="center"/>
    </xf>
    <xf numFmtId="0" fontId="6" fillId="0" borderId="0" xfId="0" applyFont="1" applyAlignment="1">
      <alignment horizontal="center" vertical="center"/>
    </xf>
    <xf numFmtId="0" fontId="0" fillId="0" borderId="0" xfId="0" applyFont="1" applyFill="1" applyAlignment="1">
      <alignment horizontal="center" vertical="center" wrapText="1"/>
    </xf>
    <xf numFmtId="0" fontId="2" fillId="3" borderId="1" xfId="0" applyFont="1" applyFill="1" applyBorder="1" applyAlignment="1">
      <alignment horizontal="center" vertical="center" wrapText="1"/>
    </xf>
    <xf numFmtId="0" fontId="2" fillId="3" borderId="2" xfId="0" applyFont="1" applyFill="1" applyBorder="1" applyAlignment="1">
      <alignment horizontal="center" vertical="center"/>
    </xf>
    <xf numFmtId="0" fontId="2" fillId="3" borderId="2" xfId="0" applyFont="1" applyFill="1" applyBorder="1" applyAlignment="1">
      <alignment horizontal="center" vertical="center" wrapText="1"/>
    </xf>
    <xf numFmtId="0" fontId="3" fillId="3" borderId="1" xfId="0" applyFont="1" applyFill="1" applyBorder="1" applyAlignment="1">
      <alignment horizontal="center" vertical="center"/>
    </xf>
    <xf numFmtId="0" fontId="2" fillId="0" borderId="0" xfId="0" applyFont="1" applyFill="1" applyAlignment="1">
      <alignment horizontal="center" vertical="center"/>
    </xf>
    <xf numFmtId="0" fontId="4" fillId="0" borderId="0" xfId="0" applyFont="1" applyFill="1" applyBorder="1" applyAlignment="1">
      <alignment horizontal="center" vertical="center"/>
    </xf>
    <xf numFmtId="0" fontId="2" fillId="0" borderId="0" xfId="0" applyFont="1" applyFill="1" applyAlignment="1">
      <alignment vertical="center"/>
    </xf>
    <xf numFmtId="0" fontId="3" fillId="0" borderId="0" xfId="0" applyFont="1" applyFill="1" applyAlignment="1">
      <alignment vertical="center"/>
    </xf>
    <xf numFmtId="0" fontId="2" fillId="3" borderId="1" xfId="1" applyFont="1" applyFill="1" applyBorder="1" applyAlignment="1">
      <alignment horizontal="center" vertical="center" wrapText="1"/>
    </xf>
    <xf numFmtId="0" fontId="2" fillId="3" borderId="1" xfId="0" applyFont="1" applyFill="1" applyBorder="1" applyAlignment="1">
      <alignment horizontal="center" vertical="center" wrapText="1" shrinkToFit="1"/>
    </xf>
    <xf numFmtId="0" fontId="2" fillId="3" borderId="1" xfId="0" applyFont="1" applyFill="1" applyBorder="1" applyAlignment="1">
      <alignment horizontal="left" vertical="center" wrapText="1"/>
    </xf>
    <xf numFmtId="0" fontId="3" fillId="0" borderId="0" xfId="0" applyFont="1" applyFill="1" applyAlignment="1">
      <alignment horizontal="center" vertical="center"/>
    </xf>
    <xf numFmtId="0" fontId="3" fillId="0" borderId="0" xfId="0" applyFont="1" applyFill="1" applyAlignment="1">
      <alignment horizontal="center" vertical="center" wrapText="1"/>
    </xf>
  </cellXfs>
  <cellStyles count="3">
    <cellStyle name="標準" xfId="0" builtinId="0"/>
    <cellStyle name="標準 2" xfId="1"/>
    <cellStyle name="標準 3" xfId="2"/>
  </cellStyles>
  <dxfs count="0"/>
  <tableStyles count="0" defaultTableStyle="TableStyleMedium2" defaultPivotStyle="PivotStyleLight16"/>
  <colors>
    <mruColors>
      <color rgb="FFFFFF99"/>
      <color rgb="FFFFFF37"/>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F319"/>
  <sheetViews>
    <sheetView tabSelected="1" view="pageBreakPreview" zoomScale="90" zoomScaleNormal="90" zoomScaleSheetLayoutView="90" workbookViewId="0">
      <pane ySplit="4" topLeftCell="A5" activePane="bottomLeft" state="frozen"/>
      <selection activeCell="D147" sqref="D147"/>
      <selection pane="bottomLeft" activeCell="C169" sqref="C169"/>
    </sheetView>
  </sheetViews>
  <sheetFormatPr defaultColWidth="9" defaultRowHeight="13" x14ac:dyDescent="0.2"/>
  <cols>
    <col min="1" max="1" width="3.36328125" style="15" customWidth="1"/>
    <col min="2" max="2" width="10.6328125" style="19" customWidth="1"/>
    <col min="3" max="3" width="36.26953125" style="20" customWidth="1"/>
    <col min="4" max="4" width="49.6328125" style="20" customWidth="1"/>
    <col min="5" max="16384" width="9" style="15"/>
  </cols>
  <sheetData>
    <row r="2" spans="2:6" s="1" customFormat="1" ht="21.75" customHeight="1" x14ac:dyDescent="0.2">
      <c r="B2" s="6" t="s">
        <v>279</v>
      </c>
      <c r="C2" s="6"/>
      <c r="D2" s="6"/>
    </row>
    <row r="3" spans="2:6" s="1" customFormat="1" x14ac:dyDescent="0.2">
      <c r="B3" s="5"/>
      <c r="C3" s="4"/>
      <c r="D3" s="7"/>
    </row>
    <row r="4" spans="2:6" s="12" customFormat="1" ht="45" customHeight="1" x14ac:dyDescent="0.2">
      <c r="B4" s="3" t="s">
        <v>301</v>
      </c>
      <c r="C4" s="3" t="s">
        <v>302</v>
      </c>
      <c r="D4" s="3" t="s">
        <v>9</v>
      </c>
      <c r="E4" s="13"/>
    </row>
    <row r="5" spans="2:6" s="12" customFormat="1" ht="24.75" customHeight="1" x14ac:dyDescent="0.2">
      <c r="B5" s="11" t="s">
        <v>682</v>
      </c>
      <c r="C5" s="8" t="s">
        <v>111</v>
      </c>
      <c r="D5" s="8" t="s">
        <v>315</v>
      </c>
      <c r="F5" s="14"/>
    </row>
    <row r="6" spans="2:6" s="14" customFormat="1" ht="24.75" customHeight="1" x14ac:dyDescent="0.2">
      <c r="B6" s="11" t="s">
        <v>685</v>
      </c>
      <c r="C6" s="8" t="s">
        <v>177</v>
      </c>
      <c r="D6" s="8" t="s">
        <v>176</v>
      </c>
    </row>
    <row r="7" spans="2:6" s="14" customFormat="1" ht="24.75" customHeight="1" x14ac:dyDescent="0.2">
      <c r="B7" s="11" t="s">
        <v>362</v>
      </c>
      <c r="C7" s="8" t="s">
        <v>177</v>
      </c>
      <c r="D7" s="9" t="s">
        <v>390</v>
      </c>
    </row>
    <row r="8" spans="2:6" s="14" customFormat="1" ht="24.75" customHeight="1" x14ac:dyDescent="0.2">
      <c r="B8" s="11" t="s">
        <v>411</v>
      </c>
      <c r="C8" s="8" t="s">
        <v>268</v>
      </c>
      <c r="D8" s="8" t="s">
        <v>21</v>
      </c>
    </row>
    <row r="9" spans="2:6" s="14" customFormat="1" ht="24.75" customHeight="1" x14ac:dyDescent="0.2">
      <c r="B9" s="11" t="s">
        <v>412</v>
      </c>
      <c r="C9" s="8" t="s">
        <v>272</v>
      </c>
      <c r="D9" s="8" t="s">
        <v>110</v>
      </c>
    </row>
    <row r="10" spans="2:6" s="14" customFormat="1" ht="24.75" customHeight="1" x14ac:dyDescent="0.2">
      <c r="B10" s="11" t="s">
        <v>413</v>
      </c>
      <c r="C10" s="8" t="s">
        <v>185</v>
      </c>
      <c r="D10" s="8" t="s">
        <v>184</v>
      </c>
    </row>
    <row r="11" spans="2:6" ht="24.75" customHeight="1" x14ac:dyDescent="0.2">
      <c r="B11" s="11" t="s">
        <v>414</v>
      </c>
      <c r="C11" s="8" t="s">
        <v>185</v>
      </c>
      <c r="D11" s="8" t="s">
        <v>182</v>
      </c>
    </row>
    <row r="12" spans="2:6" ht="24.75" customHeight="1" x14ac:dyDescent="0.2">
      <c r="B12" s="11" t="s">
        <v>415</v>
      </c>
      <c r="C12" s="8" t="s">
        <v>185</v>
      </c>
      <c r="D12" s="8" t="s">
        <v>183</v>
      </c>
    </row>
    <row r="13" spans="2:6" s="2" customFormat="1" ht="24.75" customHeight="1" x14ac:dyDescent="0.2">
      <c r="B13" s="11" t="s">
        <v>416</v>
      </c>
      <c r="C13" s="8" t="s">
        <v>112</v>
      </c>
      <c r="D13" s="8" t="s">
        <v>113</v>
      </c>
    </row>
    <row r="14" spans="2:6" s="2" customFormat="1" ht="24.75" customHeight="1" x14ac:dyDescent="0.2">
      <c r="B14" s="11" t="s">
        <v>417</v>
      </c>
      <c r="C14" s="8" t="s">
        <v>112</v>
      </c>
      <c r="D14" s="8" t="s">
        <v>114</v>
      </c>
    </row>
    <row r="15" spans="2:6" s="2" customFormat="1" ht="24.75" customHeight="1" x14ac:dyDescent="0.2">
      <c r="B15" s="11" t="s">
        <v>418</v>
      </c>
      <c r="C15" s="8" t="s">
        <v>112</v>
      </c>
      <c r="D15" s="8" t="s">
        <v>115</v>
      </c>
    </row>
    <row r="16" spans="2:6" s="2" customFormat="1" ht="24.75" customHeight="1" x14ac:dyDescent="0.2">
      <c r="B16" s="11" t="s">
        <v>419</v>
      </c>
      <c r="C16" s="8" t="s">
        <v>112</v>
      </c>
      <c r="D16" s="8" t="s">
        <v>116</v>
      </c>
    </row>
    <row r="17" spans="2:4" s="2" customFormat="1" ht="24.75" customHeight="1" x14ac:dyDescent="0.2">
      <c r="B17" s="11" t="s">
        <v>420</v>
      </c>
      <c r="C17" s="8" t="s">
        <v>112</v>
      </c>
      <c r="D17" s="8" t="s">
        <v>117</v>
      </c>
    </row>
    <row r="18" spans="2:4" s="2" customFormat="1" ht="24.75" customHeight="1" x14ac:dyDescent="0.2">
      <c r="B18" s="11" t="s">
        <v>421</v>
      </c>
      <c r="C18" s="8" t="s">
        <v>112</v>
      </c>
      <c r="D18" s="8" t="s">
        <v>118</v>
      </c>
    </row>
    <row r="19" spans="2:4" s="2" customFormat="1" ht="24.75" customHeight="1" x14ac:dyDescent="0.2">
      <c r="B19" s="11" t="s">
        <v>422</v>
      </c>
      <c r="C19" s="8" t="s">
        <v>112</v>
      </c>
      <c r="D19" s="8" t="s">
        <v>119</v>
      </c>
    </row>
    <row r="20" spans="2:4" s="2" customFormat="1" ht="24.75" customHeight="1" x14ac:dyDescent="0.2">
      <c r="B20" s="11" t="s">
        <v>423</v>
      </c>
      <c r="C20" s="8" t="s">
        <v>189</v>
      </c>
      <c r="D20" s="8" t="s">
        <v>313</v>
      </c>
    </row>
    <row r="21" spans="2:4" s="2" customFormat="1" ht="34" customHeight="1" x14ac:dyDescent="0.2">
      <c r="B21" s="11" t="s">
        <v>424</v>
      </c>
      <c r="C21" s="8" t="s">
        <v>188</v>
      </c>
      <c r="D21" s="8" t="s">
        <v>48</v>
      </c>
    </row>
    <row r="22" spans="2:4" s="2" customFormat="1" ht="34" customHeight="1" x14ac:dyDescent="0.2">
      <c r="B22" s="11" t="s">
        <v>425</v>
      </c>
      <c r="C22" s="8" t="s">
        <v>188</v>
      </c>
      <c r="D22" s="8" t="s">
        <v>49</v>
      </c>
    </row>
    <row r="23" spans="2:4" s="2" customFormat="1" ht="34" customHeight="1" x14ac:dyDescent="0.2">
      <c r="B23" s="11" t="s">
        <v>681</v>
      </c>
      <c r="C23" s="8" t="s">
        <v>188</v>
      </c>
      <c r="D23" s="8" t="s">
        <v>50</v>
      </c>
    </row>
    <row r="24" spans="2:4" s="2" customFormat="1" ht="34" customHeight="1" x14ac:dyDescent="0.2">
      <c r="B24" s="11" t="s">
        <v>426</v>
      </c>
      <c r="C24" s="8" t="s">
        <v>188</v>
      </c>
      <c r="D24" s="8" t="s">
        <v>51</v>
      </c>
    </row>
    <row r="25" spans="2:4" s="2" customFormat="1" ht="24.75" customHeight="1" x14ac:dyDescent="0.2">
      <c r="B25" s="11" t="s">
        <v>427</v>
      </c>
      <c r="C25" s="8" t="s">
        <v>188</v>
      </c>
      <c r="D25" s="8" t="s">
        <v>52</v>
      </c>
    </row>
    <row r="26" spans="2:4" s="2" customFormat="1" ht="24.75" customHeight="1" x14ac:dyDescent="0.2">
      <c r="B26" s="11" t="s">
        <v>428</v>
      </c>
      <c r="C26" s="8" t="s">
        <v>188</v>
      </c>
      <c r="D26" s="8" t="s">
        <v>53</v>
      </c>
    </row>
    <row r="27" spans="2:4" s="2" customFormat="1" ht="24.75" customHeight="1" x14ac:dyDescent="0.2">
      <c r="B27" s="11" t="s">
        <v>429</v>
      </c>
      <c r="C27" s="8" t="s">
        <v>188</v>
      </c>
      <c r="D27" s="8" t="s">
        <v>55</v>
      </c>
    </row>
    <row r="28" spans="2:4" s="2" customFormat="1" ht="24.75" customHeight="1" x14ac:dyDescent="0.2">
      <c r="B28" s="11" t="s">
        <v>430</v>
      </c>
      <c r="C28" s="8" t="s">
        <v>188</v>
      </c>
      <c r="D28" s="8" t="s">
        <v>57</v>
      </c>
    </row>
    <row r="29" spans="2:4" s="2" customFormat="1" ht="24.75" customHeight="1" x14ac:dyDescent="0.2">
      <c r="B29" s="11" t="s">
        <v>431</v>
      </c>
      <c r="C29" s="8" t="s">
        <v>188</v>
      </c>
      <c r="D29" s="8" t="s">
        <v>58</v>
      </c>
    </row>
    <row r="30" spans="2:4" s="2" customFormat="1" ht="24.75" customHeight="1" x14ac:dyDescent="0.2">
      <c r="B30" s="11" t="s">
        <v>432</v>
      </c>
      <c r="C30" s="8" t="s">
        <v>188</v>
      </c>
      <c r="D30" s="8" t="s">
        <v>59</v>
      </c>
    </row>
    <row r="31" spans="2:4" s="2" customFormat="1" ht="24.75" customHeight="1" x14ac:dyDescent="0.2">
      <c r="B31" s="11" t="s">
        <v>433</v>
      </c>
      <c r="C31" s="8" t="s">
        <v>188</v>
      </c>
      <c r="D31" s="8" t="s">
        <v>60</v>
      </c>
    </row>
    <row r="32" spans="2:4" s="2" customFormat="1" ht="41" customHeight="1" x14ac:dyDescent="0.2">
      <c r="B32" s="11" t="s">
        <v>434</v>
      </c>
      <c r="C32" s="8" t="s">
        <v>188</v>
      </c>
      <c r="D32" s="8" t="s">
        <v>61</v>
      </c>
    </row>
    <row r="33" spans="2:4" s="2" customFormat="1" ht="24.75" customHeight="1" x14ac:dyDescent="0.2">
      <c r="B33" s="11" t="s">
        <v>435</v>
      </c>
      <c r="C33" s="8" t="s">
        <v>188</v>
      </c>
      <c r="D33" s="8" t="s">
        <v>62</v>
      </c>
    </row>
    <row r="34" spans="2:4" s="2" customFormat="1" ht="24.75" customHeight="1" x14ac:dyDescent="0.2">
      <c r="B34" s="11" t="s">
        <v>436</v>
      </c>
      <c r="C34" s="8" t="s">
        <v>188</v>
      </c>
      <c r="D34" s="8" t="s">
        <v>63</v>
      </c>
    </row>
    <row r="35" spans="2:4" s="2" customFormat="1" ht="24.75" customHeight="1" x14ac:dyDescent="0.2">
      <c r="B35" s="11" t="s">
        <v>437</v>
      </c>
      <c r="C35" s="8" t="s">
        <v>188</v>
      </c>
      <c r="D35" s="8" t="s">
        <v>64</v>
      </c>
    </row>
    <row r="36" spans="2:4" s="2" customFormat="1" ht="24.75" customHeight="1" x14ac:dyDescent="0.2">
      <c r="B36" s="11" t="s">
        <v>363</v>
      </c>
      <c r="C36" s="8" t="s">
        <v>188</v>
      </c>
      <c r="D36" s="9" t="s">
        <v>391</v>
      </c>
    </row>
    <row r="37" spans="2:4" s="2" customFormat="1" ht="31.5" customHeight="1" x14ac:dyDescent="0.2">
      <c r="B37" s="11" t="s">
        <v>365</v>
      </c>
      <c r="C37" s="8" t="s">
        <v>366</v>
      </c>
      <c r="D37" s="10" t="s">
        <v>393</v>
      </c>
    </row>
    <row r="38" spans="2:4" s="2" customFormat="1" ht="31.5" customHeight="1" x14ac:dyDescent="0.2">
      <c r="B38" s="11" t="s">
        <v>364</v>
      </c>
      <c r="C38" s="8" t="s">
        <v>366</v>
      </c>
      <c r="D38" s="10" t="s">
        <v>392</v>
      </c>
    </row>
    <row r="39" spans="2:4" s="2" customFormat="1" ht="24.75" customHeight="1" x14ac:dyDescent="0.2">
      <c r="B39" s="11" t="s">
        <v>438</v>
      </c>
      <c r="C39" s="8" t="s">
        <v>17</v>
      </c>
      <c r="D39" s="8" t="s">
        <v>18</v>
      </c>
    </row>
    <row r="40" spans="2:4" s="2" customFormat="1" ht="24.75" customHeight="1" x14ac:dyDescent="0.2">
      <c r="B40" s="11" t="s">
        <v>439</v>
      </c>
      <c r="C40" s="8" t="s">
        <v>0</v>
      </c>
      <c r="D40" s="8" t="s">
        <v>164</v>
      </c>
    </row>
    <row r="41" spans="2:4" s="2" customFormat="1" ht="24.75" customHeight="1" x14ac:dyDescent="0.2">
      <c r="B41" s="11" t="s">
        <v>440</v>
      </c>
      <c r="C41" s="8" t="s">
        <v>0</v>
      </c>
      <c r="D41" s="8" t="s">
        <v>305</v>
      </c>
    </row>
    <row r="42" spans="2:4" s="2" customFormat="1" ht="24.75" customHeight="1" x14ac:dyDescent="0.2">
      <c r="B42" s="11" t="s">
        <v>441</v>
      </c>
      <c r="C42" s="8" t="s">
        <v>317</v>
      </c>
      <c r="D42" s="8" t="s">
        <v>95</v>
      </c>
    </row>
    <row r="43" spans="2:4" s="2" customFormat="1" ht="24.75" customHeight="1" x14ac:dyDescent="0.2">
      <c r="B43" s="11" t="s">
        <v>442</v>
      </c>
      <c r="C43" s="8" t="s">
        <v>314</v>
      </c>
      <c r="D43" s="8" t="s">
        <v>96</v>
      </c>
    </row>
    <row r="44" spans="2:4" s="2" customFormat="1" ht="24.75" customHeight="1" x14ac:dyDescent="0.2">
      <c r="B44" s="11" t="s">
        <v>379</v>
      </c>
      <c r="C44" s="8" t="s">
        <v>316</v>
      </c>
      <c r="D44" s="8" t="s">
        <v>95</v>
      </c>
    </row>
    <row r="45" spans="2:4" s="2" customFormat="1" ht="24.75" customHeight="1" x14ac:dyDescent="0.2">
      <c r="B45" s="11" t="s">
        <v>443</v>
      </c>
      <c r="C45" s="8" t="s">
        <v>316</v>
      </c>
      <c r="D45" s="8" t="s">
        <v>96</v>
      </c>
    </row>
    <row r="46" spans="2:4" s="2" customFormat="1" ht="24.75" customHeight="1" x14ac:dyDescent="0.2">
      <c r="B46" s="11" t="s">
        <v>444</v>
      </c>
      <c r="C46" s="8" t="s">
        <v>273</v>
      </c>
      <c r="D46" s="8" t="s">
        <v>54</v>
      </c>
    </row>
    <row r="47" spans="2:4" s="2" customFormat="1" ht="24.75" customHeight="1" x14ac:dyDescent="0.2">
      <c r="B47" s="11" t="s">
        <v>445</v>
      </c>
      <c r="C47" s="8" t="s">
        <v>274</v>
      </c>
      <c r="D47" s="8" t="s">
        <v>56</v>
      </c>
    </row>
    <row r="48" spans="2:4" s="2" customFormat="1" ht="24.75" customHeight="1" x14ac:dyDescent="0.2">
      <c r="B48" s="11" t="s">
        <v>446</v>
      </c>
      <c r="C48" s="8" t="s">
        <v>274</v>
      </c>
      <c r="D48" s="8" t="s">
        <v>65</v>
      </c>
    </row>
    <row r="49" spans="2:4" s="2" customFormat="1" ht="24.75" customHeight="1" x14ac:dyDescent="0.2">
      <c r="B49" s="11" t="s">
        <v>447</v>
      </c>
      <c r="C49" s="8" t="s">
        <v>274</v>
      </c>
      <c r="D49" s="8" t="s">
        <v>66</v>
      </c>
    </row>
    <row r="50" spans="2:4" s="2" customFormat="1" ht="24.75" customHeight="1" x14ac:dyDescent="0.2">
      <c r="B50" s="11" t="s">
        <v>367</v>
      </c>
      <c r="C50" s="8" t="s">
        <v>274</v>
      </c>
      <c r="D50" s="10" t="s">
        <v>394</v>
      </c>
    </row>
    <row r="51" spans="2:4" s="2" customFormat="1" ht="24.75" customHeight="1" x14ac:dyDescent="0.2">
      <c r="B51" s="11" t="s">
        <v>368</v>
      </c>
      <c r="C51" s="8" t="s">
        <v>274</v>
      </c>
      <c r="D51" s="9" t="s">
        <v>395</v>
      </c>
    </row>
    <row r="52" spans="2:4" s="2" customFormat="1" ht="24.75" customHeight="1" x14ac:dyDescent="0.2">
      <c r="B52" s="11" t="s">
        <v>369</v>
      </c>
      <c r="C52" s="8" t="s">
        <v>274</v>
      </c>
      <c r="D52" s="9" t="s">
        <v>396</v>
      </c>
    </row>
    <row r="53" spans="2:4" s="2" customFormat="1" ht="24.75" customHeight="1" x14ac:dyDescent="0.2">
      <c r="B53" s="11" t="s">
        <v>370</v>
      </c>
      <c r="C53" s="8" t="s">
        <v>274</v>
      </c>
      <c r="D53" s="10" t="s">
        <v>397</v>
      </c>
    </row>
    <row r="54" spans="2:4" s="2" customFormat="1" ht="24.75" customHeight="1" x14ac:dyDescent="0.2">
      <c r="B54" s="11" t="s">
        <v>371</v>
      </c>
      <c r="C54" s="8" t="s">
        <v>274</v>
      </c>
      <c r="D54" s="10" t="s">
        <v>398</v>
      </c>
    </row>
    <row r="55" spans="2:4" s="2" customFormat="1" ht="24.75" customHeight="1" x14ac:dyDescent="0.2">
      <c r="B55" s="11" t="s">
        <v>372</v>
      </c>
      <c r="C55" s="8" t="s">
        <v>274</v>
      </c>
      <c r="D55" s="10" t="s">
        <v>399</v>
      </c>
    </row>
    <row r="56" spans="2:4" s="2" customFormat="1" ht="24.75" customHeight="1" x14ac:dyDescent="0.2">
      <c r="B56" s="11" t="s">
        <v>448</v>
      </c>
      <c r="C56" s="8" t="s">
        <v>275</v>
      </c>
      <c r="D56" s="8" t="s">
        <v>56</v>
      </c>
    </row>
    <row r="57" spans="2:4" s="2" customFormat="1" ht="24.75" customHeight="1" x14ac:dyDescent="0.2">
      <c r="B57" s="11" t="s">
        <v>449</v>
      </c>
      <c r="C57" s="8" t="s">
        <v>275</v>
      </c>
      <c r="D57" s="8" t="s">
        <v>65</v>
      </c>
    </row>
    <row r="58" spans="2:4" s="2" customFormat="1" ht="24.75" customHeight="1" x14ac:dyDescent="0.2">
      <c r="B58" s="11" t="s">
        <v>450</v>
      </c>
      <c r="C58" s="8" t="s">
        <v>275</v>
      </c>
      <c r="D58" s="8" t="s">
        <v>66</v>
      </c>
    </row>
    <row r="59" spans="2:4" s="2" customFormat="1" ht="24.75" customHeight="1" x14ac:dyDescent="0.2">
      <c r="B59" s="11" t="s">
        <v>373</v>
      </c>
      <c r="C59" s="8" t="s">
        <v>275</v>
      </c>
      <c r="D59" s="10" t="s">
        <v>394</v>
      </c>
    </row>
    <row r="60" spans="2:4" s="2" customFormat="1" ht="24.75" customHeight="1" x14ac:dyDescent="0.2">
      <c r="B60" s="11" t="s">
        <v>374</v>
      </c>
      <c r="C60" s="8" t="s">
        <v>275</v>
      </c>
      <c r="D60" s="9" t="s">
        <v>395</v>
      </c>
    </row>
    <row r="61" spans="2:4" s="2" customFormat="1" ht="24.75" customHeight="1" x14ac:dyDescent="0.2">
      <c r="B61" s="11" t="s">
        <v>375</v>
      </c>
      <c r="C61" s="8" t="s">
        <v>275</v>
      </c>
      <c r="D61" s="9" t="s">
        <v>396</v>
      </c>
    </row>
    <row r="62" spans="2:4" s="2" customFormat="1" ht="24.75" customHeight="1" x14ac:dyDescent="0.2">
      <c r="B62" s="11" t="s">
        <v>376</v>
      </c>
      <c r="C62" s="8" t="s">
        <v>275</v>
      </c>
      <c r="D62" s="10" t="s">
        <v>397</v>
      </c>
    </row>
    <row r="63" spans="2:4" s="2" customFormat="1" ht="24.75" customHeight="1" x14ac:dyDescent="0.2">
      <c r="B63" s="11" t="s">
        <v>377</v>
      </c>
      <c r="C63" s="8" t="s">
        <v>275</v>
      </c>
      <c r="D63" s="10" t="s">
        <v>398</v>
      </c>
    </row>
    <row r="64" spans="2:4" s="2" customFormat="1" ht="24.75" customHeight="1" x14ac:dyDescent="0.2">
      <c r="B64" s="11" t="s">
        <v>378</v>
      </c>
      <c r="C64" s="8" t="s">
        <v>275</v>
      </c>
      <c r="D64" s="10" t="s">
        <v>399</v>
      </c>
    </row>
    <row r="65" spans="2:4" s="2" customFormat="1" ht="24.75" customHeight="1" x14ac:dyDescent="0.2">
      <c r="B65" s="11" t="s">
        <v>379</v>
      </c>
      <c r="C65" s="8" t="s">
        <v>684</v>
      </c>
      <c r="D65" s="9" t="s">
        <v>400</v>
      </c>
    </row>
    <row r="66" spans="2:4" s="2" customFormat="1" ht="24.75" customHeight="1" x14ac:dyDescent="0.2">
      <c r="B66" s="11" t="s">
        <v>451</v>
      </c>
      <c r="C66" s="8" t="s">
        <v>166</v>
      </c>
      <c r="D66" s="8" t="s">
        <v>170</v>
      </c>
    </row>
    <row r="67" spans="2:4" ht="24.75" customHeight="1" x14ac:dyDescent="0.2">
      <c r="B67" s="11" t="s">
        <v>452</v>
      </c>
      <c r="C67" s="8" t="s">
        <v>166</v>
      </c>
      <c r="D67" s="8" t="s">
        <v>165</v>
      </c>
    </row>
    <row r="68" spans="2:4" ht="24.75" customHeight="1" x14ac:dyDescent="0.2">
      <c r="B68" s="11" t="s">
        <v>453</v>
      </c>
      <c r="C68" s="8" t="s">
        <v>166</v>
      </c>
      <c r="D68" s="8" t="s">
        <v>171</v>
      </c>
    </row>
    <row r="69" spans="2:4" ht="24.75" customHeight="1" x14ac:dyDescent="0.2">
      <c r="B69" s="11" t="s">
        <v>380</v>
      </c>
      <c r="C69" s="8" t="s">
        <v>683</v>
      </c>
      <c r="D69" s="9" t="s">
        <v>401</v>
      </c>
    </row>
    <row r="70" spans="2:4" ht="24.75" customHeight="1" x14ac:dyDescent="0.2">
      <c r="B70" s="11" t="s">
        <v>381</v>
      </c>
      <c r="C70" s="8" t="s">
        <v>683</v>
      </c>
      <c r="D70" s="9" t="s">
        <v>402</v>
      </c>
    </row>
    <row r="71" spans="2:4" ht="24.75" customHeight="1" x14ac:dyDescent="0.2">
      <c r="B71" s="11" t="s">
        <v>454</v>
      </c>
      <c r="C71" s="8" t="s">
        <v>269</v>
      </c>
      <c r="D71" s="8" t="s">
        <v>14</v>
      </c>
    </row>
    <row r="72" spans="2:4" ht="24.75" customHeight="1" x14ac:dyDescent="0.2">
      <c r="B72" s="11" t="s">
        <v>455</v>
      </c>
      <c r="C72" s="8" t="s">
        <v>271</v>
      </c>
      <c r="D72" s="8" t="s">
        <v>102</v>
      </c>
    </row>
    <row r="73" spans="2:4" ht="24.75" customHeight="1" x14ac:dyDescent="0.2">
      <c r="B73" s="11" t="s">
        <v>456</v>
      </c>
      <c r="C73" s="8" t="s">
        <v>169</v>
      </c>
      <c r="D73" s="8" t="s">
        <v>167</v>
      </c>
    </row>
    <row r="74" spans="2:4" ht="24.75" customHeight="1" x14ac:dyDescent="0.2">
      <c r="B74" s="11" t="s">
        <v>457</v>
      </c>
      <c r="C74" s="8" t="s">
        <v>169</v>
      </c>
      <c r="D74" s="8" t="s">
        <v>168</v>
      </c>
    </row>
    <row r="75" spans="2:4" s="2" customFormat="1" ht="24.75" customHeight="1" x14ac:dyDescent="0.2">
      <c r="B75" s="11" t="s">
        <v>458</v>
      </c>
      <c r="C75" s="8" t="s">
        <v>280</v>
      </c>
      <c r="D75" s="8" t="s">
        <v>270</v>
      </c>
    </row>
    <row r="76" spans="2:4" ht="24.75" customHeight="1" x14ac:dyDescent="0.2">
      <c r="B76" s="11" t="s">
        <v>459</v>
      </c>
      <c r="C76" s="8" t="s">
        <v>154</v>
      </c>
      <c r="D76" s="8" t="s">
        <v>155</v>
      </c>
    </row>
    <row r="77" spans="2:4" ht="24.75" customHeight="1" x14ac:dyDescent="0.2">
      <c r="B77" s="11" t="s">
        <v>460</v>
      </c>
      <c r="C77" s="8" t="s">
        <v>154</v>
      </c>
      <c r="D77" s="8" t="s">
        <v>156</v>
      </c>
    </row>
    <row r="78" spans="2:4" ht="24.75" customHeight="1" x14ac:dyDescent="0.2">
      <c r="B78" s="11" t="s">
        <v>461</v>
      </c>
      <c r="C78" s="8" t="s">
        <v>154</v>
      </c>
      <c r="D78" s="8" t="s">
        <v>281</v>
      </c>
    </row>
    <row r="79" spans="2:4" ht="24.75" customHeight="1" x14ac:dyDescent="0.2">
      <c r="B79" s="11" t="s">
        <v>462</v>
      </c>
      <c r="C79" s="8" t="s">
        <v>154</v>
      </c>
      <c r="D79" s="8" t="s">
        <v>157</v>
      </c>
    </row>
    <row r="80" spans="2:4" ht="24.75" customHeight="1" x14ac:dyDescent="0.2">
      <c r="B80" s="11" t="s">
        <v>463</v>
      </c>
      <c r="C80" s="8" t="s">
        <v>186</v>
      </c>
      <c r="D80" s="8" t="s">
        <v>187</v>
      </c>
    </row>
    <row r="81" spans="2:4" ht="24.75" customHeight="1" x14ac:dyDescent="0.2">
      <c r="B81" s="11" t="s">
        <v>464</v>
      </c>
      <c r="C81" s="8" t="s">
        <v>186</v>
      </c>
      <c r="D81" s="8" t="s">
        <v>137</v>
      </c>
    </row>
    <row r="82" spans="2:4" ht="24.75" customHeight="1" x14ac:dyDescent="0.2">
      <c r="B82" s="11" t="s">
        <v>465</v>
      </c>
      <c r="C82" s="8" t="s">
        <v>186</v>
      </c>
      <c r="D82" s="8" t="s">
        <v>138</v>
      </c>
    </row>
    <row r="83" spans="2:4" ht="24.75" customHeight="1" x14ac:dyDescent="0.2">
      <c r="B83" s="11" t="s">
        <v>466</v>
      </c>
      <c r="C83" s="8" t="s">
        <v>186</v>
      </c>
      <c r="D83" s="8" t="s">
        <v>139</v>
      </c>
    </row>
    <row r="84" spans="2:4" ht="24.75" customHeight="1" x14ac:dyDescent="0.2">
      <c r="B84" s="11" t="s">
        <v>467</v>
      </c>
      <c r="C84" s="8" t="s">
        <v>186</v>
      </c>
      <c r="D84" s="8" t="s">
        <v>140</v>
      </c>
    </row>
    <row r="85" spans="2:4" ht="24.75" customHeight="1" x14ac:dyDescent="0.2">
      <c r="B85" s="11" t="s">
        <v>468</v>
      </c>
      <c r="C85" s="8" t="s">
        <v>186</v>
      </c>
      <c r="D85" s="8" t="s">
        <v>141</v>
      </c>
    </row>
    <row r="86" spans="2:4" ht="24.75" customHeight="1" x14ac:dyDescent="0.2">
      <c r="B86" s="11" t="s">
        <v>469</v>
      </c>
      <c r="C86" s="8" t="s">
        <v>186</v>
      </c>
      <c r="D86" s="8" t="s">
        <v>142</v>
      </c>
    </row>
    <row r="87" spans="2:4" ht="24.75" customHeight="1" x14ac:dyDescent="0.2">
      <c r="B87" s="11" t="s">
        <v>470</v>
      </c>
      <c r="C87" s="8" t="s">
        <v>186</v>
      </c>
      <c r="D87" s="8" t="s">
        <v>143</v>
      </c>
    </row>
    <row r="88" spans="2:4" ht="24.75" customHeight="1" x14ac:dyDescent="0.2">
      <c r="B88" s="11" t="s">
        <v>471</v>
      </c>
      <c r="C88" s="8" t="s">
        <v>186</v>
      </c>
      <c r="D88" s="8" t="s">
        <v>144</v>
      </c>
    </row>
    <row r="89" spans="2:4" ht="24.75" customHeight="1" x14ac:dyDescent="0.2">
      <c r="B89" s="11" t="s">
        <v>472</v>
      </c>
      <c r="C89" s="8" t="s">
        <v>186</v>
      </c>
      <c r="D89" s="8" t="s">
        <v>145</v>
      </c>
    </row>
    <row r="90" spans="2:4" ht="24.75" customHeight="1" x14ac:dyDescent="0.2">
      <c r="B90" s="11" t="s">
        <v>473</v>
      </c>
      <c r="C90" s="8" t="s">
        <v>1</v>
      </c>
      <c r="D90" s="8" t="s">
        <v>126</v>
      </c>
    </row>
    <row r="91" spans="2:4" ht="24.75" customHeight="1" x14ac:dyDescent="0.2">
      <c r="B91" s="11" t="s">
        <v>474</v>
      </c>
      <c r="C91" s="8" t="s">
        <v>1</v>
      </c>
      <c r="D91" s="8" t="s">
        <v>127</v>
      </c>
    </row>
    <row r="92" spans="2:4" ht="24.75" customHeight="1" x14ac:dyDescent="0.2">
      <c r="B92" s="11" t="s">
        <v>475</v>
      </c>
      <c r="C92" s="8" t="s">
        <v>1</v>
      </c>
      <c r="D92" s="8" t="s">
        <v>128</v>
      </c>
    </row>
    <row r="93" spans="2:4" ht="24.75" customHeight="1" x14ac:dyDescent="0.2">
      <c r="B93" s="11" t="s">
        <v>476</v>
      </c>
      <c r="C93" s="8" t="s">
        <v>1</v>
      </c>
      <c r="D93" s="8" t="s">
        <v>129</v>
      </c>
    </row>
    <row r="94" spans="2:4" ht="24.75" customHeight="1" x14ac:dyDescent="0.2">
      <c r="B94" s="11" t="s">
        <v>477</v>
      </c>
      <c r="C94" s="8" t="s">
        <v>1</v>
      </c>
      <c r="D94" s="8" t="s">
        <v>130</v>
      </c>
    </row>
    <row r="95" spans="2:4" ht="24.75" customHeight="1" x14ac:dyDescent="0.2">
      <c r="B95" s="11" t="s">
        <v>478</v>
      </c>
      <c r="C95" s="8" t="s">
        <v>1</v>
      </c>
      <c r="D95" s="8" t="s">
        <v>131</v>
      </c>
    </row>
    <row r="96" spans="2:4" ht="24.75" customHeight="1" x14ac:dyDescent="0.2">
      <c r="B96" s="11" t="s">
        <v>479</v>
      </c>
      <c r="C96" s="8" t="s">
        <v>1</v>
      </c>
      <c r="D96" s="8" t="s">
        <v>132</v>
      </c>
    </row>
    <row r="97" spans="2:4" ht="24.75" customHeight="1" x14ac:dyDescent="0.2">
      <c r="B97" s="11" t="s">
        <v>480</v>
      </c>
      <c r="C97" s="8" t="s">
        <v>1</v>
      </c>
      <c r="D97" s="8" t="s">
        <v>133</v>
      </c>
    </row>
    <row r="98" spans="2:4" ht="24.75" customHeight="1" x14ac:dyDescent="0.2">
      <c r="B98" s="11" t="s">
        <v>481</v>
      </c>
      <c r="C98" s="8" t="s">
        <v>1</v>
      </c>
      <c r="D98" s="8" t="s">
        <v>134</v>
      </c>
    </row>
    <row r="99" spans="2:4" ht="24.75" customHeight="1" x14ac:dyDescent="0.2">
      <c r="B99" s="11" t="s">
        <v>482</v>
      </c>
      <c r="C99" s="8" t="s">
        <v>1</v>
      </c>
      <c r="D99" s="8" t="s">
        <v>135</v>
      </c>
    </row>
    <row r="100" spans="2:4" ht="24.75" customHeight="1" x14ac:dyDescent="0.2">
      <c r="B100" s="11" t="s">
        <v>483</v>
      </c>
      <c r="C100" s="8" t="s">
        <v>1</v>
      </c>
      <c r="D100" s="8" t="s">
        <v>136</v>
      </c>
    </row>
    <row r="101" spans="2:4" ht="24.75" customHeight="1" x14ac:dyDescent="0.2">
      <c r="B101" s="11" t="s">
        <v>484</v>
      </c>
      <c r="C101" s="8" t="s">
        <v>1</v>
      </c>
      <c r="D101" s="8" t="s">
        <v>306</v>
      </c>
    </row>
    <row r="102" spans="2:4" ht="24.75" customHeight="1" x14ac:dyDescent="0.2">
      <c r="B102" s="11" t="s">
        <v>382</v>
      </c>
      <c r="C102" s="8" t="s">
        <v>1</v>
      </c>
      <c r="D102" s="10" t="s">
        <v>403</v>
      </c>
    </row>
    <row r="103" spans="2:4" ht="24.75" customHeight="1" x14ac:dyDescent="0.2">
      <c r="B103" s="11" t="s">
        <v>485</v>
      </c>
      <c r="C103" s="8" t="s">
        <v>2</v>
      </c>
      <c r="D103" s="8" t="s">
        <v>217</v>
      </c>
    </row>
    <row r="104" spans="2:4" ht="24.75" customHeight="1" x14ac:dyDescent="0.2">
      <c r="B104" s="11" t="s">
        <v>486</v>
      </c>
      <c r="C104" s="8" t="s">
        <v>2</v>
      </c>
      <c r="D104" s="8" t="s">
        <v>218</v>
      </c>
    </row>
    <row r="105" spans="2:4" ht="24.75" customHeight="1" x14ac:dyDescent="0.2">
      <c r="B105" s="11" t="s">
        <v>487</v>
      </c>
      <c r="C105" s="8" t="s">
        <v>158</v>
      </c>
      <c r="D105" s="8" t="s">
        <v>219</v>
      </c>
    </row>
    <row r="106" spans="2:4" ht="24.75" customHeight="1" x14ac:dyDescent="0.2">
      <c r="B106" s="11" t="s">
        <v>488</v>
      </c>
      <c r="C106" s="8" t="s">
        <v>158</v>
      </c>
      <c r="D106" s="8" t="s">
        <v>221</v>
      </c>
    </row>
    <row r="107" spans="2:4" ht="24.75" customHeight="1" x14ac:dyDescent="0.2">
      <c r="B107" s="11" t="s">
        <v>489</v>
      </c>
      <c r="C107" s="8" t="s">
        <v>158</v>
      </c>
      <c r="D107" s="8" t="s">
        <v>220</v>
      </c>
    </row>
    <row r="108" spans="2:4" ht="24.75" customHeight="1" x14ac:dyDescent="0.2">
      <c r="B108" s="11" t="s">
        <v>490</v>
      </c>
      <c r="C108" s="8" t="s">
        <v>158</v>
      </c>
      <c r="D108" s="8" t="s">
        <v>222</v>
      </c>
    </row>
    <row r="109" spans="2:4" ht="24.75" customHeight="1" x14ac:dyDescent="0.2">
      <c r="B109" s="11" t="s">
        <v>491</v>
      </c>
      <c r="C109" s="8" t="s">
        <v>158</v>
      </c>
      <c r="D109" s="8" t="s">
        <v>223</v>
      </c>
    </row>
    <row r="110" spans="2:4" ht="24.75" customHeight="1" x14ac:dyDescent="0.2">
      <c r="B110" s="11" t="s">
        <v>492</v>
      </c>
      <c r="C110" s="8" t="s">
        <v>158</v>
      </c>
      <c r="D110" s="8" t="s">
        <v>225</v>
      </c>
    </row>
    <row r="111" spans="2:4" ht="24.75" customHeight="1" x14ac:dyDescent="0.2">
      <c r="B111" s="11" t="s">
        <v>493</v>
      </c>
      <c r="C111" s="8" t="s">
        <v>2</v>
      </c>
      <c r="D111" s="8" t="s">
        <v>224</v>
      </c>
    </row>
    <row r="112" spans="2:4" ht="24.75" customHeight="1" x14ac:dyDescent="0.2">
      <c r="B112" s="11" t="s">
        <v>494</v>
      </c>
      <c r="C112" s="8" t="s">
        <v>2</v>
      </c>
      <c r="D112" s="8" t="s">
        <v>228</v>
      </c>
    </row>
    <row r="113" spans="2:4" ht="24.75" customHeight="1" x14ac:dyDescent="0.2">
      <c r="B113" s="11" t="s">
        <v>495</v>
      </c>
      <c r="C113" s="8" t="s">
        <v>158</v>
      </c>
      <c r="D113" s="8" t="s">
        <v>227</v>
      </c>
    </row>
    <row r="114" spans="2:4" ht="24.75" customHeight="1" x14ac:dyDescent="0.2">
      <c r="B114" s="11" t="s">
        <v>496</v>
      </c>
      <c r="C114" s="8" t="s">
        <v>158</v>
      </c>
      <c r="D114" s="8" t="s">
        <v>226</v>
      </c>
    </row>
    <row r="115" spans="2:4" ht="24.75" customHeight="1" x14ac:dyDescent="0.2">
      <c r="B115" s="11" t="s">
        <v>497</v>
      </c>
      <c r="C115" s="8" t="s">
        <v>158</v>
      </c>
      <c r="D115" s="8" t="s">
        <v>229</v>
      </c>
    </row>
    <row r="116" spans="2:4" ht="24.75" customHeight="1" x14ac:dyDescent="0.2">
      <c r="B116" s="11" t="s">
        <v>498</v>
      </c>
      <c r="C116" s="8" t="s">
        <v>158</v>
      </c>
      <c r="D116" s="8" t="s">
        <v>307</v>
      </c>
    </row>
    <row r="117" spans="2:4" ht="24.75" customHeight="1" x14ac:dyDescent="0.2">
      <c r="B117" s="11" t="s">
        <v>499</v>
      </c>
      <c r="C117" s="8" t="s">
        <v>158</v>
      </c>
      <c r="D117" s="8" t="s">
        <v>308</v>
      </c>
    </row>
    <row r="118" spans="2:4" ht="24.75" customHeight="1" x14ac:dyDescent="0.2">
      <c r="B118" s="11" t="s">
        <v>383</v>
      </c>
      <c r="C118" s="8" t="s">
        <v>158</v>
      </c>
      <c r="D118" s="9" t="s">
        <v>404</v>
      </c>
    </row>
    <row r="119" spans="2:4" ht="24.75" customHeight="1" x14ac:dyDescent="0.2">
      <c r="B119" s="11" t="s">
        <v>500</v>
      </c>
      <c r="C119" s="8" t="s">
        <v>3</v>
      </c>
      <c r="D119" s="8" t="s">
        <v>254</v>
      </c>
    </row>
    <row r="120" spans="2:4" ht="24.75" customHeight="1" x14ac:dyDescent="0.2">
      <c r="B120" s="11" t="s">
        <v>501</v>
      </c>
      <c r="C120" s="8" t="s">
        <v>3</v>
      </c>
      <c r="D120" s="8" t="s">
        <v>253</v>
      </c>
    </row>
    <row r="121" spans="2:4" ht="24.75" customHeight="1" x14ac:dyDescent="0.2">
      <c r="B121" s="11" t="s">
        <v>502</v>
      </c>
      <c r="C121" s="8" t="s">
        <v>256</v>
      </c>
      <c r="D121" s="8" t="s">
        <v>261</v>
      </c>
    </row>
    <row r="122" spans="2:4" ht="24.75" customHeight="1" x14ac:dyDescent="0.2">
      <c r="B122" s="11" t="s">
        <v>503</v>
      </c>
      <c r="C122" s="8" t="s">
        <v>256</v>
      </c>
      <c r="D122" s="8" t="s">
        <v>259</v>
      </c>
    </row>
    <row r="123" spans="2:4" ht="24.75" customHeight="1" x14ac:dyDescent="0.2">
      <c r="B123" s="11" t="s">
        <v>504</v>
      </c>
      <c r="C123" s="8" t="s">
        <v>256</v>
      </c>
      <c r="D123" s="8" t="s">
        <v>260</v>
      </c>
    </row>
    <row r="124" spans="2:4" ht="24.75" customHeight="1" x14ac:dyDescent="0.2">
      <c r="B124" s="11" t="s">
        <v>505</v>
      </c>
      <c r="C124" s="8" t="s">
        <v>256</v>
      </c>
      <c r="D124" s="8" t="s">
        <v>153</v>
      </c>
    </row>
    <row r="125" spans="2:4" ht="24.75" customHeight="1" x14ac:dyDescent="0.2">
      <c r="B125" s="11" t="s">
        <v>506</v>
      </c>
      <c r="C125" s="8" t="s">
        <v>257</v>
      </c>
      <c r="D125" s="8" t="s">
        <v>255</v>
      </c>
    </row>
    <row r="126" spans="2:4" ht="24.75" customHeight="1" x14ac:dyDescent="0.2">
      <c r="B126" s="11" t="s">
        <v>507</v>
      </c>
      <c r="C126" s="8" t="s">
        <v>256</v>
      </c>
      <c r="D126" s="8" t="s">
        <v>258</v>
      </c>
    </row>
    <row r="127" spans="2:4" ht="24.75" customHeight="1" x14ac:dyDescent="0.2">
      <c r="B127" s="11" t="s">
        <v>508</v>
      </c>
      <c r="C127" s="8" t="s">
        <v>4</v>
      </c>
      <c r="D127" s="8" t="s">
        <v>107</v>
      </c>
    </row>
    <row r="128" spans="2:4" ht="24.75" customHeight="1" x14ac:dyDescent="0.2">
      <c r="B128" s="11" t="s">
        <v>509</v>
      </c>
      <c r="C128" s="8" t="s">
        <v>4</v>
      </c>
      <c r="D128" s="8" t="s">
        <v>109</v>
      </c>
    </row>
    <row r="129" spans="2:4" ht="24.75" customHeight="1" x14ac:dyDescent="0.2">
      <c r="B129" s="11" t="s">
        <v>510</v>
      </c>
      <c r="C129" s="8" t="s">
        <v>4</v>
      </c>
      <c r="D129" s="8" t="s">
        <v>103</v>
      </c>
    </row>
    <row r="130" spans="2:4" ht="24.75" customHeight="1" x14ac:dyDescent="0.2">
      <c r="B130" s="11" t="s">
        <v>511</v>
      </c>
      <c r="C130" s="8" t="s">
        <v>4</v>
      </c>
      <c r="D130" s="8" t="s">
        <v>104</v>
      </c>
    </row>
    <row r="131" spans="2:4" ht="24.75" customHeight="1" x14ac:dyDescent="0.2">
      <c r="B131" s="11" t="s">
        <v>512</v>
      </c>
      <c r="C131" s="8" t="s">
        <v>4</v>
      </c>
      <c r="D131" s="8" t="s">
        <v>105</v>
      </c>
    </row>
    <row r="132" spans="2:4" ht="24.75" customHeight="1" x14ac:dyDescent="0.2">
      <c r="B132" s="11" t="s">
        <v>513</v>
      </c>
      <c r="C132" s="8" t="s">
        <v>4</v>
      </c>
      <c r="D132" s="8" t="s">
        <v>106</v>
      </c>
    </row>
    <row r="133" spans="2:4" ht="24.75" customHeight="1" x14ac:dyDescent="0.2">
      <c r="B133" s="11" t="s">
        <v>514</v>
      </c>
      <c r="C133" s="8" t="s">
        <v>4</v>
      </c>
      <c r="D133" s="8" t="s">
        <v>108</v>
      </c>
    </row>
    <row r="134" spans="2:4" ht="24.75" customHeight="1" x14ac:dyDescent="0.2">
      <c r="B134" s="11" t="s">
        <v>384</v>
      </c>
      <c r="C134" s="8" t="s">
        <v>4</v>
      </c>
      <c r="D134" s="9" t="s">
        <v>405</v>
      </c>
    </row>
    <row r="135" spans="2:4" ht="24.75" customHeight="1" x14ac:dyDescent="0.2">
      <c r="B135" s="11" t="s">
        <v>515</v>
      </c>
      <c r="C135" s="8" t="s">
        <v>99</v>
      </c>
      <c r="D135" s="8" t="s">
        <v>100</v>
      </c>
    </row>
    <row r="136" spans="2:4" ht="24.75" customHeight="1" x14ac:dyDescent="0.2">
      <c r="B136" s="11" t="s">
        <v>516</v>
      </c>
      <c r="C136" s="8" t="s">
        <v>8</v>
      </c>
      <c r="D136" s="8" t="s">
        <v>101</v>
      </c>
    </row>
    <row r="137" spans="2:4" ht="24.75" customHeight="1" x14ac:dyDescent="0.2">
      <c r="B137" s="11" t="s">
        <v>517</v>
      </c>
      <c r="C137" s="8" t="s">
        <v>159</v>
      </c>
      <c r="D137" s="8" t="s">
        <v>230</v>
      </c>
    </row>
    <row r="138" spans="2:4" ht="24.75" customHeight="1" x14ac:dyDescent="0.2">
      <c r="B138" s="11" t="s">
        <v>518</v>
      </c>
      <c r="C138" s="8" t="s">
        <v>159</v>
      </c>
      <c r="D138" s="8" t="s">
        <v>309</v>
      </c>
    </row>
    <row r="139" spans="2:4" ht="24.75" customHeight="1" x14ac:dyDescent="0.2">
      <c r="B139" s="11" t="s">
        <v>519</v>
      </c>
      <c r="C139" s="8" t="s">
        <v>160</v>
      </c>
      <c r="D139" s="8" t="s">
        <v>161</v>
      </c>
    </row>
    <row r="140" spans="2:4" ht="24.75" customHeight="1" x14ac:dyDescent="0.2">
      <c r="B140" s="11" t="s">
        <v>520</v>
      </c>
      <c r="C140" s="8" t="s">
        <v>160</v>
      </c>
      <c r="D140" s="8" t="s">
        <v>162</v>
      </c>
    </row>
    <row r="141" spans="2:4" ht="24.75" customHeight="1" x14ac:dyDescent="0.2">
      <c r="B141" s="11" t="s">
        <v>521</v>
      </c>
      <c r="C141" s="8" t="s">
        <v>160</v>
      </c>
      <c r="D141" s="8" t="s">
        <v>163</v>
      </c>
    </row>
    <row r="142" spans="2:4" ht="24.75" customHeight="1" x14ac:dyDescent="0.2">
      <c r="B142" s="11" t="s">
        <v>522</v>
      </c>
      <c r="C142" s="8" t="s">
        <v>160</v>
      </c>
      <c r="D142" s="8" t="s">
        <v>310</v>
      </c>
    </row>
    <row r="143" spans="2:4" ht="24.75" customHeight="1" x14ac:dyDescent="0.2">
      <c r="B143" s="11" t="s">
        <v>523</v>
      </c>
      <c r="C143" s="8" t="s">
        <v>160</v>
      </c>
      <c r="D143" s="8" t="s">
        <v>311</v>
      </c>
    </row>
    <row r="144" spans="2:4" ht="24.75" customHeight="1" x14ac:dyDescent="0.2">
      <c r="B144" s="11" t="s">
        <v>524</v>
      </c>
      <c r="C144" s="8" t="s">
        <v>178</v>
      </c>
      <c r="D144" s="8" t="s">
        <v>93</v>
      </c>
    </row>
    <row r="145" spans="2:4" ht="24.75" customHeight="1" x14ac:dyDescent="0.2">
      <c r="B145" s="11" t="s">
        <v>525</v>
      </c>
      <c r="C145" s="8" t="s">
        <v>178</v>
      </c>
      <c r="D145" s="8" t="s">
        <v>94</v>
      </c>
    </row>
    <row r="146" spans="2:4" ht="24.75" customHeight="1" x14ac:dyDescent="0.2">
      <c r="B146" s="11" t="s">
        <v>526</v>
      </c>
      <c r="C146" s="8" t="s">
        <v>178</v>
      </c>
      <c r="D146" s="8" t="s">
        <v>179</v>
      </c>
    </row>
    <row r="147" spans="2:4" ht="24.75" customHeight="1" x14ac:dyDescent="0.2">
      <c r="B147" s="11" t="s">
        <v>527</v>
      </c>
      <c r="C147" s="8" t="s">
        <v>178</v>
      </c>
      <c r="D147" s="8" t="s">
        <v>180</v>
      </c>
    </row>
    <row r="148" spans="2:4" ht="24.75" customHeight="1" x14ac:dyDescent="0.2">
      <c r="B148" s="11" t="s">
        <v>528</v>
      </c>
      <c r="C148" s="8" t="s">
        <v>178</v>
      </c>
      <c r="D148" s="8" t="s">
        <v>181</v>
      </c>
    </row>
    <row r="149" spans="2:4" ht="24.75" customHeight="1" x14ac:dyDescent="0.2">
      <c r="B149" s="11" t="s">
        <v>529</v>
      </c>
      <c r="C149" s="8" t="s">
        <v>278</v>
      </c>
      <c r="D149" s="8" t="s">
        <v>252</v>
      </c>
    </row>
    <row r="150" spans="2:4" ht="24.75" customHeight="1" x14ac:dyDescent="0.2">
      <c r="B150" s="11" t="s">
        <v>530</v>
      </c>
      <c r="C150" s="8" t="s">
        <v>276</v>
      </c>
      <c r="D150" s="8" t="s">
        <v>263</v>
      </c>
    </row>
    <row r="151" spans="2:4" ht="24.75" customHeight="1" x14ac:dyDescent="0.2">
      <c r="B151" s="11" t="s">
        <v>531</v>
      </c>
      <c r="C151" s="8" t="s">
        <v>277</v>
      </c>
      <c r="D151" s="8" t="s">
        <v>262</v>
      </c>
    </row>
    <row r="152" spans="2:4" ht="24.75" customHeight="1" x14ac:dyDescent="0.2">
      <c r="B152" s="11" t="s">
        <v>532</v>
      </c>
      <c r="C152" s="8" t="s">
        <v>277</v>
      </c>
      <c r="D152" s="8" t="s">
        <v>264</v>
      </c>
    </row>
    <row r="153" spans="2:4" ht="24.75" customHeight="1" x14ac:dyDescent="0.2">
      <c r="B153" s="11" t="s">
        <v>533</v>
      </c>
      <c r="C153" s="8" t="s">
        <v>277</v>
      </c>
      <c r="D153" s="8" t="s">
        <v>267</v>
      </c>
    </row>
    <row r="154" spans="2:4" ht="24.75" customHeight="1" x14ac:dyDescent="0.2">
      <c r="B154" s="11" t="s">
        <v>534</v>
      </c>
      <c r="C154" s="8" t="s">
        <v>277</v>
      </c>
      <c r="D154" s="8" t="s">
        <v>266</v>
      </c>
    </row>
    <row r="155" spans="2:4" ht="24.75" customHeight="1" x14ac:dyDescent="0.2">
      <c r="B155" s="11" t="s">
        <v>535</v>
      </c>
      <c r="C155" s="8" t="s">
        <v>277</v>
      </c>
      <c r="D155" s="8" t="s">
        <v>265</v>
      </c>
    </row>
    <row r="156" spans="2:4" ht="24.75" customHeight="1" x14ac:dyDescent="0.2">
      <c r="B156" s="11" t="s">
        <v>536</v>
      </c>
      <c r="C156" s="8" t="s">
        <v>277</v>
      </c>
      <c r="D156" s="8" t="s">
        <v>149</v>
      </c>
    </row>
    <row r="157" spans="2:4" ht="24.75" customHeight="1" x14ac:dyDescent="0.2">
      <c r="B157" s="11" t="s">
        <v>537</v>
      </c>
      <c r="C157" s="8" t="s">
        <v>277</v>
      </c>
      <c r="D157" s="8" t="s">
        <v>151</v>
      </c>
    </row>
    <row r="158" spans="2:4" ht="24.75" customHeight="1" x14ac:dyDescent="0.2">
      <c r="B158" s="11" t="s">
        <v>538</v>
      </c>
      <c r="C158" s="8" t="s">
        <v>277</v>
      </c>
      <c r="D158" s="8" t="s">
        <v>150</v>
      </c>
    </row>
    <row r="159" spans="2:4" ht="24.75" customHeight="1" x14ac:dyDescent="0.2">
      <c r="B159" s="11" t="s">
        <v>539</v>
      </c>
      <c r="C159" s="8" t="s">
        <v>277</v>
      </c>
      <c r="D159" s="8" t="s">
        <v>152</v>
      </c>
    </row>
    <row r="160" spans="2:4" ht="24.75" customHeight="1" x14ac:dyDescent="0.2">
      <c r="B160" s="11" t="s">
        <v>540</v>
      </c>
      <c r="C160" s="8" t="s">
        <v>37</v>
      </c>
      <c r="D160" s="8" t="s">
        <v>38</v>
      </c>
    </row>
    <row r="161" spans="2:4" ht="24.75" customHeight="1" x14ac:dyDescent="0.2">
      <c r="B161" s="11" t="s">
        <v>541</v>
      </c>
      <c r="C161" s="8" t="s">
        <v>37</v>
      </c>
      <c r="D161" s="8" t="s">
        <v>39</v>
      </c>
    </row>
    <row r="162" spans="2:4" ht="24.75" customHeight="1" x14ac:dyDescent="0.2">
      <c r="B162" s="11" t="s">
        <v>385</v>
      </c>
      <c r="C162" s="8" t="s">
        <v>37</v>
      </c>
      <c r="D162" s="9" t="s">
        <v>406</v>
      </c>
    </row>
    <row r="163" spans="2:4" ht="24.75" customHeight="1" x14ac:dyDescent="0.2">
      <c r="B163" s="11" t="s">
        <v>386</v>
      </c>
      <c r="C163" s="8" t="s">
        <v>37</v>
      </c>
      <c r="D163" s="9" t="s">
        <v>407</v>
      </c>
    </row>
    <row r="164" spans="2:4" ht="24.75" customHeight="1" x14ac:dyDescent="0.2">
      <c r="B164" s="11" t="s">
        <v>542</v>
      </c>
      <c r="C164" s="8" t="s">
        <v>196</v>
      </c>
      <c r="D164" s="8" t="s">
        <v>15</v>
      </c>
    </row>
    <row r="165" spans="2:4" ht="24.75" customHeight="1" x14ac:dyDescent="0.2">
      <c r="B165" s="11" t="s">
        <v>543</v>
      </c>
      <c r="C165" s="8" t="s">
        <v>196</v>
      </c>
      <c r="D165" s="8" t="s">
        <v>16</v>
      </c>
    </row>
    <row r="166" spans="2:4" ht="31.5" customHeight="1" x14ac:dyDescent="0.2">
      <c r="B166" s="11" t="s">
        <v>544</v>
      </c>
      <c r="C166" s="8" t="s">
        <v>174</v>
      </c>
      <c r="D166" s="8" t="s">
        <v>175</v>
      </c>
    </row>
    <row r="167" spans="2:4" ht="47" customHeight="1" x14ac:dyDescent="0.2">
      <c r="B167" s="11" t="s">
        <v>545</v>
      </c>
      <c r="C167" s="8" t="s">
        <v>197</v>
      </c>
      <c r="D167" s="8" t="s">
        <v>120</v>
      </c>
    </row>
    <row r="168" spans="2:4" ht="31.5" customHeight="1" x14ac:dyDescent="0.2">
      <c r="B168" s="11" t="s">
        <v>546</v>
      </c>
      <c r="C168" s="8" t="s">
        <v>198</v>
      </c>
      <c r="D168" s="8" t="s">
        <v>121</v>
      </c>
    </row>
    <row r="169" spans="2:4" ht="42" customHeight="1" x14ac:dyDescent="0.2">
      <c r="B169" s="11" t="s">
        <v>547</v>
      </c>
      <c r="C169" s="8" t="s">
        <v>199</v>
      </c>
      <c r="D169" s="8" t="s">
        <v>122</v>
      </c>
    </row>
    <row r="170" spans="2:4" ht="42" customHeight="1" x14ac:dyDescent="0.2">
      <c r="B170" s="11" t="s">
        <v>548</v>
      </c>
      <c r="C170" s="8" t="s">
        <v>200</v>
      </c>
      <c r="D170" s="8" t="s">
        <v>123</v>
      </c>
    </row>
    <row r="171" spans="2:4" ht="24.75" customHeight="1" x14ac:dyDescent="0.2">
      <c r="B171" s="11" t="s">
        <v>549</v>
      </c>
      <c r="C171" s="8" t="s">
        <v>191</v>
      </c>
      <c r="D171" s="8" t="s">
        <v>192</v>
      </c>
    </row>
    <row r="172" spans="2:4" ht="24.75" customHeight="1" x14ac:dyDescent="0.2">
      <c r="B172" s="11" t="s">
        <v>550</v>
      </c>
      <c r="C172" s="8" t="s">
        <v>193</v>
      </c>
      <c r="D172" s="8" t="s">
        <v>172</v>
      </c>
    </row>
    <row r="173" spans="2:4" ht="24.75" customHeight="1" x14ac:dyDescent="0.2">
      <c r="B173" s="11" t="s">
        <v>551</v>
      </c>
      <c r="C173" s="8" t="s">
        <v>194</v>
      </c>
      <c r="D173" s="8" t="s">
        <v>173</v>
      </c>
    </row>
    <row r="174" spans="2:4" ht="24.75" customHeight="1" x14ac:dyDescent="0.2">
      <c r="B174" s="11" t="s">
        <v>552</v>
      </c>
      <c r="C174" s="8" t="s">
        <v>195</v>
      </c>
      <c r="D174" s="8" t="s">
        <v>40</v>
      </c>
    </row>
    <row r="175" spans="2:4" ht="24.75" customHeight="1" x14ac:dyDescent="0.2">
      <c r="B175" s="11" t="s">
        <v>553</v>
      </c>
      <c r="C175" s="8" t="s">
        <v>190</v>
      </c>
      <c r="D175" s="8" t="s">
        <v>10</v>
      </c>
    </row>
    <row r="176" spans="2:4" ht="24.75" customHeight="1" x14ac:dyDescent="0.2">
      <c r="B176" s="11" t="s">
        <v>387</v>
      </c>
      <c r="C176" s="8" t="s">
        <v>190</v>
      </c>
      <c r="D176" s="9" t="s">
        <v>408</v>
      </c>
    </row>
    <row r="177" spans="2:4" ht="24.75" customHeight="1" x14ac:dyDescent="0.2">
      <c r="B177" s="11" t="s">
        <v>554</v>
      </c>
      <c r="C177" s="8" t="s">
        <v>148</v>
      </c>
      <c r="D177" s="8" t="s">
        <v>146</v>
      </c>
    </row>
    <row r="178" spans="2:4" ht="24.75" customHeight="1" x14ac:dyDescent="0.2">
      <c r="B178" s="11" t="s">
        <v>555</v>
      </c>
      <c r="C178" s="8" t="s">
        <v>148</v>
      </c>
      <c r="D178" s="8" t="s">
        <v>147</v>
      </c>
    </row>
    <row r="179" spans="2:4" ht="24.75" customHeight="1" x14ac:dyDescent="0.2">
      <c r="B179" s="11" t="s">
        <v>388</v>
      </c>
      <c r="C179" s="8" t="s">
        <v>148</v>
      </c>
      <c r="D179" s="9" t="s">
        <v>409</v>
      </c>
    </row>
    <row r="180" spans="2:4" ht="24.75" customHeight="1" x14ac:dyDescent="0.2">
      <c r="B180" s="11" t="s">
        <v>556</v>
      </c>
      <c r="C180" s="8" t="s">
        <v>67</v>
      </c>
      <c r="D180" s="8" t="s">
        <v>70</v>
      </c>
    </row>
    <row r="181" spans="2:4" ht="24.75" customHeight="1" x14ac:dyDescent="0.2">
      <c r="B181" s="11" t="s">
        <v>557</v>
      </c>
      <c r="C181" s="8" t="s">
        <v>67</v>
      </c>
      <c r="D181" s="8" t="s">
        <v>71</v>
      </c>
    </row>
    <row r="182" spans="2:4" ht="24.75" customHeight="1" x14ac:dyDescent="0.2">
      <c r="B182" s="11" t="s">
        <v>558</v>
      </c>
      <c r="C182" s="8" t="s">
        <v>68</v>
      </c>
      <c r="D182" s="8" t="s">
        <v>72</v>
      </c>
    </row>
    <row r="183" spans="2:4" ht="24.75" customHeight="1" x14ac:dyDescent="0.2">
      <c r="B183" s="11" t="s">
        <v>559</v>
      </c>
      <c r="C183" s="8" t="s">
        <v>69</v>
      </c>
      <c r="D183" s="8" t="s">
        <v>73</v>
      </c>
    </row>
    <row r="184" spans="2:4" ht="28" customHeight="1" x14ac:dyDescent="0.2">
      <c r="B184" s="11" t="s">
        <v>560</v>
      </c>
      <c r="C184" s="8" t="s">
        <v>69</v>
      </c>
      <c r="D184" s="8" t="s">
        <v>312</v>
      </c>
    </row>
    <row r="185" spans="2:4" ht="28" customHeight="1" x14ac:dyDescent="0.2">
      <c r="B185" s="11" t="s">
        <v>561</v>
      </c>
      <c r="C185" s="8" t="s">
        <v>97</v>
      </c>
      <c r="D185" s="8" t="s">
        <v>98</v>
      </c>
    </row>
    <row r="186" spans="2:4" ht="24.75" customHeight="1" x14ac:dyDescent="0.2">
      <c r="B186" s="11" t="s">
        <v>562</v>
      </c>
      <c r="C186" s="8" t="s">
        <v>36</v>
      </c>
      <c r="D186" s="8" t="s">
        <v>34</v>
      </c>
    </row>
    <row r="187" spans="2:4" ht="24.75" customHeight="1" x14ac:dyDescent="0.2">
      <c r="B187" s="11" t="s">
        <v>563</v>
      </c>
      <c r="C187" s="8" t="s">
        <v>36</v>
      </c>
      <c r="D187" s="8" t="s">
        <v>35</v>
      </c>
    </row>
    <row r="188" spans="2:4" ht="24.75" customHeight="1" x14ac:dyDescent="0.2">
      <c r="B188" s="11" t="s">
        <v>564</v>
      </c>
      <c r="C188" s="8" t="s">
        <v>77</v>
      </c>
      <c r="D188" s="8" t="s">
        <v>78</v>
      </c>
    </row>
    <row r="189" spans="2:4" ht="24.75" customHeight="1" x14ac:dyDescent="0.2">
      <c r="B189" s="11" t="s">
        <v>565</v>
      </c>
      <c r="C189" s="8" t="s">
        <v>77</v>
      </c>
      <c r="D189" s="8" t="s">
        <v>79</v>
      </c>
    </row>
    <row r="190" spans="2:4" ht="24.75" customHeight="1" x14ac:dyDescent="0.2">
      <c r="B190" s="11" t="s">
        <v>566</v>
      </c>
      <c r="C190" s="8" t="s">
        <v>77</v>
      </c>
      <c r="D190" s="8" t="s">
        <v>80</v>
      </c>
    </row>
    <row r="191" spans="2:4" ht="24.75" customHeight="1" x14ac:dyDescent="0.2">
      <c r="B191" s="11" t="s">
        <v>567</v>
      </c>
      <c r="C191" s="8" t="s">
        <v>77</v>
      </c>
      <c r="D191" s="8" t="s">
        <v>81</v>
      </c>
    </row>
    <row r="192" spans="2:4" ht="24.75" customHeight="1" x14ac:dyDescent="0.2">
      <c r="B192" s="11" t="s">
        <v>568</v>
      </c>
      <c r="C192" s="8" t="s">
        <v>77</v>
      </c>
      <c r="D192" s="8" t="s">
        <v>82</v>
      </c>
    </row>
    <row r="193" spans="2:4" ht="24.75" customHeight="1" x14ac:dyDescent="0.2">
      <c r="B193" s="11" t="s">
        <v>569</v>
      </c>
      <c r="C193" s="8" t="s">
        <v>77</v>
      </c>
      <c r="D193" s="8" t="s">
        <v>83</v>
      </c>
    </row>
    <row r="194" spans="2:4" ht="24.75" customHeight="1" x14ac:dyDescent="0.2">
      <c r="B194" s="11" t="s">
        <v>570</v>
      </c>
      <c r="C194" s="8" t="s">
        <v>77</v>
      </c>
      <c r="D194" s="8" t="s">
        <v>84</v>
      </c>
    </row>
    <row r="195" spans="2:4" ht="24.75" customHeight="1" x14ac:dyDescent="0.2">
      <c r="B195" s="11" t="s">
        <v>571</v>
      </c>
      <c r="C195" s="8" t="s">
        <v>77</v>
      </c>
      <c r="D195" s="8" t="s">
        <v>85</v>
      </c>
    </row>
    <row r="196" spans="2:4" ht="24.75" customHeight="1" x14ac:dyDescent="0.2">
      <c r="B196" s="11" t="s">
        <v>572</v>
      </c>
      <c r="C196" s="8" t="s">
        <v>77</v>
      </c>
      <c r="D196" s="8" t="s">
        <v>86</v>
      </c>
    </row>
    <row r="197" spans="2:4" ht="24.75" customHeight="1" x14ac:dyDescent="0.2">
      <c r="B197" s="11" t="s">
        <v>573</v>
      </c>
      <c r="C197" s="8" t="s">
        <v>77</v>
      </c>
      <c r="D197" s="8" t="s">
        <v>87</v>
      </c>
    </row>
    <row r="198" spans="2:4" ht="24.75" customHeight="1" x14ac:dyDescent="0.2">
      <c r="B198" s="11" t="s">
        <v>574</v>
      </c>
      <c r="C198" s="8" t="s">
        <v>77</v>
      </c>
      <c r="D198" s="8" t="s">
        <v>88</v>
      </c>
    </row>
    <row r="199" spans="2:4" ht="24.75" customHeight="1" x14ac:dyDescent="0.2">
      <c r="B199" s="11" t="s">
        <v>575</v>
      </c>
      <c r="C199" s="8" t="s">
        <v>124</v>
      </c>
      <c r="D199" s="8" t="s">
        <v>125</v>
      </c>
    </row>
    <row r="200" spans="2:4" ht="24.75" customHeight="1" x14ac:dyDescent="0.2">
      <c r="B200" s="11" t="s">
        <v>576</v>
      </c>
      <c r="C200" s="8" t="s">
        <v>77</v>
      </c>
      <c r="D200" s="8" t="s">
        <v>89</v>
      </c>
    </row>
    <row r="201" spans="2:4" ht="24.75" customHeight="1" x14ac:dyDescent="0.2">
      <c r="B201" s="11" t="s">
        <v>577</v>
      </c>
      <c r="C201" s="8" t="s">
        <v>77</v>
      </c>
      <c r="D201" s="16" t="s">
        <v>90</v>
      </c>
    </row>
    <row r="202" spans="2:4" ht="24.75" customHeight="1" x14ac:dyDescent="0.2">
      <c r="B202" s="11" t="s">
        <v>578</v>
      </c>
      <c r="C202" s="8" t="s">
        <v>77</v>
      </c>
      <c r="D202" s="16" t="s">
        <v>91</v>
      </c>
    </row>
    <row r="203" spans="2:4" ht="24.75" customHeight="1" x14ac:dyDescent="0.2">
      <c r="B203" s="11" t="s">
        <v>579</v>
      </c>
      <c r="C203" s="8" t="s">
        <v>77</v>
      </c>
      <c r="D203" s="8" t="s">
        <v>92</v>
      </c>
    </row>
    <row r="204" spans="2:4" ht="24.75" customHeight="1" x14ac:dyDescent="0.2">
      <c r="B204" s="11" t="s">
        <v>389</v>
      </c>
      <c r="C204" s="8" t="s">
        <v>77</v>
      </c>
      <c r="D204" s="9" t="s">
        <v>410</v>
      </c>
    </row>
    <row r="205" spans="2:4" ht="24.75" customHeight="1" x14ac:dyDescent="0.2">
      <c r="B205" s="11" t="s">
        <v>580</v>
      </c>
      <c r="C205" s="8" t="s">
        <v>201</v>
      </c>
      <c r="D205" s="8" t="s">
        <v>95</v>
      </c>
    </row>
    <row r="206" spans="2:4" ht="24.75" customHeight="1" x14ac:dyDescent="0.2">
      <c r="B206" s="11" t="s">
        <v>581</v>
      </c>
      <c r="C206" s="8" t="s">
        <v>201</v>
      </c>
      <c r="D206" s="8" t="s">
        <v>96</v>
      </c>
    </row>
    <row r="207" spans="2:4" ht="24.75" customHeight="1" x14ac:dyDescent="0.2">
      <c r="B207" s="11" t="s">
        <v>582</v>
      </c>
      <c r="C207" s="8" t="s">
        <v>303</v>
      </c>
      <c r="D207" s="8" t="s">
        <v>95</v>
      </c>
    </row>
    <row r="208" spans="2:4" ht="24.75" customHeight="1" x14ac:dyDescent="0.2">
      <c r="B208" s="11" t="s">
        <v>583</v>
      </c>
      <c r="C208" s="8" t="s">
        <v>303</v>
      </c>
      <c r="D208" s="8" t="s">
        <v>96</v>
      </c>
    </row>
    <row r="209" spans="2:4" ht="24.75" customHeight="1" x14ac:dyDescent="0.2">
      <c r="B209" s="11" t="s">
        <v>584</v>
      </c>
      <c r="C209" s="8" t="s">
        <v>202</v>
      </c>
      <c r="D209" s="8" t="s">
        <v>95</v>
      </c>
    </row>
    <row r="210" spans="2:4" ht="24.75" customHeight="1" x14ac:dyDescent="0.2">
      <c r="B210" s="11" t="s">
        <v>585</v>
      </c>
      <c r="C210" s="8" t="s">
        <v>202</v>
      </c>
      <c r="D210" s="8" t="s">
        <v>96</v>
      </c>
    </row>
    <row r="211" spans="2:4" ht="24.75" customHeight="1" x14ac:dyDescent="0.2">
      <c r="B211" s="11" t="s">
        <v>586</v>
      </c>
      <c r="C211" s="8" t="s">
        <v>304</v>
      </c>
      <c r="D211" s="8" t="s">
        <v>95</v>
      </c>
    </row>
    <row r="212" spans="2:4" ht="24.75" customHeight="1" x14ac:dyDescent="0.2">
      <c r="B212" s="11" t="s">
        <v>587</v>
      </c>
      <c r="C212" s="8" t="s">
        <v>304</v>
      </c>
      <c r="D212" s="8" t="s">
        <v>96</v>
      </c>
    </row>
    <row r="213" spans="2:4" ht="24.75" customHeight="1" x14ac:dyDescent="0.2">
      <c r="B213" s="11" t="s">
        <v>588</v>
      </c>
      <c r="C213" s="8" t="s">
        <v>203</v>
      </c>
      <c r="D213" s="8" t="s">
        <v>95</v>
      </c>
    </row>
    <row r="214" spans="2:4" ht="24.75" customHeight="1" x14ac:dyDescent="0.2">
      <c r="B214" s="11" t="s">
        <v>589</v>
      </c>
      <c r="C214" s="8" t="s">
        <v>203</v>
      </c>
      <c r="D214" s="8" t="s">
        <v>96</v>
      </c>
    </row>
    <row r="215" spans="2:4" ht="24.75" customHeight="1" x14ac:dyDescent="0.2">
      <c r="B215" s="11" t="s">
        <v>590</v>
      </c>
      <c r="C215" s="8" t="s">
        <v>204</v>
      </c>
      <c r="D215" s="8" t="s">
        <v>95</v>
      </c>
    </row>
    <row r="216" spans="2:4" ht="24.75" customHeight="1" x14ac:dyDescent="0.2">
      <c r="B216" s="11" t="s">
        <v>591</v>
      </c>
      <c r="C216" s="8" t="s">
        <v>204</v>
      </c>
      <c r="D216" s="8" t="s">
        <v>96</v>
      </c>
    </row>
    <row r="217" spans="2:4" ht="24.75" customHeight="1" x14ac:dyDescent="0.2">
      <c r="B217" s="11" t="s">
        <v>592</v>
      </c>
      <c r="C217" s="8" t="s">
        <v>205</v>
      </c>
      <c r="D217" s="8" t="s">
        <v>95</v>
      </c>
    </row>
    <row r="218" spans="2:4" ht="24.75" customHeight="1" x14ac:dyDescent="0.2">
      <c r="B218" s="11" t="s">
        <v>593</v>
      </c>
      <c r="C218" s="8" t="s">
        <v>205</v>
      </c>
      <c r="D218" s="8" t="s">
        <v>96</v>
      </c>
    </row>
    <row r="219" spans="2:4" ht="24.75" customHeight="1" x14ac:dyDescent="0.2">
      <c r="B219" s="11" t="s">
        <v>594</v>
      </c>
      <c r="C219" s="8" t="s">
        <v>206</v>
      </c>
      <c r="D219" s="8" t="s">
        <v>95</v>
      </c>
    </row>
    <row r="220" spans="2:4" ht="24.75" customHeight="1" x14ac:dyDescent="0.2">
      <c r="B220" s="11" t="s">
        <v>595</v>
      </c>
      <c r="C220" s="8" t="s">
        <v>206</v>
      </c>
      <c r="D220" s="8" t="s">
        <v>96</v>
      </c>
    </row>
    <row r="221" spans="2:4" ht="24.75" customHeight="1" x14ac:dyDescent="0.2">
      <c r="B221" s="11" t="s">
        <v>596</v>
      </c>
      <c r="C221" s="8" t="s">
        <v>207</v>
      </c>
      <c r="D221" s="8" t="s">
        <v>95</v>
      </c>
    </row>
    <row r="222" spans="2:4" ht="24.75" customHeight="1" x14ac:dyDescent="0.2">
      <c r="B222" s="11" t="s">
        <v>597</v>
      </c>
      <c r="C222" s="8" t="s">
        <v>207</v>
      </c>
      <c r="D222" s="8" t="s">
        <v>96</v>
      </c>
    </row>
    <row r="223" spans="2:4" ht="24.75" customHeight="1" x14ac:dyDescent="0.2">
      <c r="B223" s="11" t="s">
        <v>598</v>
      </c>
      <c r="C223" s="8" t="s">
        <v>208</v>
      </c>
      <c r="D223" s="8" t="s">
        <v>95</v>
      </c>
    </row>
    <row r="224" spans="2:4" ht="24.75" customHeight="1" x14ac:dyDescent="0.2">
      <c r="B224" s="11" t="s">
        <v>599</v>
      </c>
      <c r="C224" s="8" t="s">
        <v>208</v>
      </c>
      <c r="D224" s="8" t="s">
        <v>96</v>
      </c>
    </row>
    <row r="225" spans="2:4" ht="24.75" customHeight="1" x14ac:dyDescent="0.2">
      <c r="B225" s="11" t="s">
        <v>600</v>
      </c>
      <c r="C225" s="8" t="s">
        <v>209</v>
      </c>
      <c r="D225" s="8" t="s">
        <v>95</v>
      </c>
    </row>
    <row r="226" spans="2:4" ht="24.75" customHeight="1" x14ac:dyDescent="0.2">
      <c r="B226" s="11" t="s">
        <v>601</v>
      </c>
      <c r="C226" s="8" t="s">
        <v>209</v>
      </c>
      <c r="D226" s="8" t="s">
        <v>96</v>
      </c>
    </row>
    <row r="227" spans="2:4" ht="24.75" customHeight="1" x14ac:dyDescent="0.2">
      <c r="B227" s="11" t="s">
        <v>602</v>
      </c>
      <c r="C227" s="8" t="s">
        <v>211</v>
      </c>
      <c r="D227" s="8" t="s">
        <v>95</v>
      </c>
    </row>
    <row r="228" spans="2:4" ht="24.75" customHeight="1" x14ac:dyDescent="0.2">
      <c r="B228" s="11" t="s">
        <v>603</v>
      </c>
      <c r="C228" s="8" t="s">
        <v>211</v>
      </c>
      <c r="D228" s="8" t="s">
        <v>96</v>
      </c>
    </row>
    <row r="229" spans="2:4" ht="24.75" customHeight="1" x14ac:dyDescent="0.2">
      <c r="B229" s="11" t="s">
        <v>604</v>
      </c>
      <c r="C229" s="8" t="s">
        <v>210</v>
      </c>
      <c r="D229" s="8" t="s">
        <v>95</v>
      </c>
    </row>
    <row r="230" spans="2:4" ht="24.75" customHeight="1" x14ac:dyDescent="0.2">
      <c r="B230" s="11" t="s">
        <v>605</v>
      </c>
      <c r="C230" s="8" t="s">
        <v>210</v>
      </c>
      <c r="D230" s="8" t="s">
        <v>96</v>
      </c>
    </row>
    <row r="231" spans="2:4" ht="24.75" customHeight="1" x14ac:dyDescent="0.2">
      <c r="B231" s="11" t="s">
        <v>606</v>
      </c>
      <c r="C231" s="8" t="s">
        <v>212</v>
      </c>
      <c r="D231" s="8" t="s">
        <v>13</v>
      </c>
    </row>
    <row r="232" spans="2:4" ht="24.75" customHeight="1" x14ac:dyDescent="0.2">
      <c r="B232" s="11" t="s">
        <v>607</v>
      </c>
      <c r="C232" s="8" t="s">
        <v>19</v>
      </c>
      <c r="D232" s="8" t="s">
        <v>20</v>
      </c>
    </row>
    <row r="233" spans="2:4" ht="24.75" customHeight="1" x14ac:dyDescent="0.2">
      <c r="B233" s="11" t="s">
        <v>608</v>
      </c>
      <c r="C233" s="17" t="s">
        <v>31</v>
      </c>
      <c r="D233" s="8" t="s">
        <v>32</v>
      </c>
    </row>
    <row r="234" spans="2:4" ht="24.75" customHeight="1" x14ac:dyDescent="0.2">
      <c r="B234" s="11" t="s">
        <v>609</v>
      </c>
      <c r="C234" s="8" t="s">
        <v>213</v>
      </c>
      <c r="D234" s="8" t="s">
        <v>33</v>
      </c>
    </row>
    <row r="235" spans="2:4" ht="24.75" customHeight="1" x14ac:dyDescent="0.2">
      <c r="B235" s="11" t="s">
        <v>610</v>
      </c>
      <c r="C235" s="8" t="s">
        <v>213</v>
      </c>
      <c r="D235" s="8" t="s">
        <v>22</v>
      </c>
    </row>
    <row r="236" spans="2:4" ht="24.75" customHeight="1" x14ac:dyDescent="0.2">
      <c r="B236" s="11" t="s">
        <v>611</v>
      </c>
      <c r="C236" s="8" t="s">
        <v>213</v>
      </c>
      <c r="D236" s="8" t="s">
        <v>23</v>
      </c>
    </row>
    <row r="237" spans="2:4" ht="24.75" customHeight="1" x14ac:dyDescent="0.2">
      <c r="B237" s="11" t="s">
        <v>612</v>
      </c>
      <c r="C237" s="8" t="s">
        <v>214</v>
      </c>
      <c r="D237" s="8" t="s">
        <v>24</v>
      </c>
    </row>
    <row r="238" spans="2:4" ht="24.75" customHeight="1" x14ac:dyDescent="0.2">
      <c r="B238" s="11" t="s">
        <v>613</v>
      </c>
      <c r="C238" s="8" t="s">
        <v>214</v>
      </c>
      <c r="D238" s="8" t="s">
        <v>25</v>
      </c>
    </row>
    <row r="239" spans="2:4" ht="24.75" customHeight="1" x14ac:dyDescent="0.2">
      <c r="B239" s="11" t="s">
        <v>614</v>
      </c>
      <c r="C239" s="8" t="s">
        <v>214</v>
      </c>
      <c r="D239" s="8" t="s">
        <v>26</v>
      </c>
    </row>
    <row r="240" spans="2:4" ht="24.75" customHeight="1" x14ac:dyDescent="0.2">
      <c r="B240" s="11" t="s">
        <v>615</v>
      </c>
      <c r="C240" s="8" t="s">
        <v>214</v>
      </c>
      <c r="D240" s="8" t="s">
        <v>27</v>
      </c>
    </row>
    <row r="241" spans="2:4" ht="24.75" customHeight="1" x14ac:dyDescent="0.2">
      <c r="B241" s="11" t="s">
        <v>616</v>
      </c>
      <c r="C241" s="8" t="s">
        <v>214</v>
      </c>
      <c r="D241" s="8" t="s">
        <v>28</v>
      </c>
    </row>
    <row r="242" spans="2:4" ht="24.75" customHeight="1" x14ac:dyDescent="0.2">
      <c r="B242" s="11" t="s">
        <v>617</v>
      </c>
      <c r="C242" s="8" t="s">
        <v>214</v>
      </c>
      <c r="D242" s="8" t="s">
        <v>29</v>
      </c>
    </row>
    <row r="243" spans="2:4" ht="24.75" customHeight="1" x14ac:dyDescent="0.2">
      <c r="B243" s="11" t="s">
        <v>618</v>
      </c>
      <c r="C243" s="8" t="s">
        <v>216</v>
      </c>
      <c r="D243" s="8" t="s">
        <v>30</v>
      </c>
    </row>
    <row r="244" spans="2:4" ht="24.75" customHeight="1" x14ac:dyDescent="0.2">
      <c r="B244" s="11" t="s">
        <v>619</v>
      </c>
      <c r="C244" s="8" t="s">
        <v>41</v>
      </c>
      <c r="D244" s="8" t="s">
        <v>42</v>
      </c>
    </row>
    <row r="245" spans="2:4" ht="24.75" customHeight="1" x14ac:dyDescent="0.2">
      <c r="B245" s="11" t="s">
        <v>620</v>
      </c>
      <c r="C245" s="8" t="s">
        <v>41</v>
      </c>
      <c r="D245" s="8" t="s">
        <v>47</v>
      </c>
    </row>
    <row r="246" spans="2:4" ht="24.75" customHeight="1" x14ac:dyDescent="0.2">
      <c r="B246" s="11" t="s">
        <v>621</v>
      </c>
      <c r="C246" s="8" t="s">
        <v>43</v>
      </c>
      <c r="D246" s="8" t="s">
        <v>44</v>
      </c>
    </row>
    <row r="247" spans="2:4" ht="24.75" customHeight="1" x14ac:dyDescent="0.2">
      <c r="B247" s="11" t="s">
        <v>622</v>
      </c>
      <c r="C247" s="8" t="s">
        <v>45</v>
      </c>
      <c r="D247" s="8" t="s">
        <v>46</v>
      </c>
    </row>
    <row r="248" spans="2:4" ht="24.75" customHeight="1" x14ac:dyDescent="0.2">
      <c r="B248" s="11" t="s">
        <v>623</v>
      </c>
      <c r="C248" s="8" t="s">
        <v>250</v>
      </c>
      <c r="D248" s="8" t="s">
        <v>75</v>
      </c>
    </row>
    <row r="249" spans="2:4" ht="24.75" customHeight="1" x14ac:dyDescent="0.2">
      <c r="B249" s="11" t="s">
        <v>624</v>
      </c>
      <c r="C249" s="8" t="s">
        <v>251</v>
      </c>
      <c r="D249" s="8" t="s">
        <v>75</v>
      </c>
    </row>
    <row r="250" spans="2:4" ht="24.75" customHeight="1" x14ac:dyDescent="0.2">
      <c r="B250" s="11" t="s">
        <v>625</v>
      </c>
      <c r="C250" s="8" t="s">
        <v>215</v>
      </c>
      <c r="D250" s="8" t="s">
        <v>76</v>
      </c>
    </row>
    <row r="251" spans="2:4" ht="24.75" customHeight="1" x14ac:dyDescent="0.2">
      <c r="B251" s="11" t="s">
        <v>626</v>
      </c>
      <c r="C251" s="8" t="s">
        <v>285</v>
      </c>
      <c r="D251" s="8" t="s">
        <v>286</v>
      </c>
    </row>
    <row r="252" spans="2:4" ht="24.75" customHeight="1" x14ac:dyDescent="0.2">
      <c r="B252" s="11" t="s">
        <v>627</v>
      </c>
      <c r="C252" s="8" t="s">
        <v>299</v>
      </c>
      <c r="D252" s="8" t="s">
        <v>300</v>
      </c>
    </row>
    <row r="253" spans="2:4" ht="24.75" customHeight="1" x14ac:dyDescent="0.2">
      <c r="B253" s="11" t="s">
        <v>628</v>
      </c>
      <c r="C253" s="8" t="s">
        <v>282</v>
      </c>
      <c r="D253" s="8" t="s">
        <v>283</v>
      </c>
    </row>
    <row r="254" spans="2:4" ht="24.75" customHeight="1" x14ac:dyDescent="0.2">
      <c r="B254" s="11" t="s">
        <v>629</v>
      </c>
      <c r="C254" s="8" t="s">
        <v>287</v>
      </c>
      <c r="D254" s="8" t="s">
        <v>286</v>
      </c>
    </row>
    <row r="255" spans="2:4" ht="24.75" customHeight="1" x14ac:dyDescent="0.2">
      <c r="B255" s="11" t="s">
        <v>630</v>
      </c>
      <c r="C255" s="8" t="s">
        <v>288</v>
      </c>
      <c r="D255" s="8" t="s">
        <v>286</v>
      </c>
    </row>
    <row r="256" spans="2:4" ht="24.75" customHeight="1" x14ac:dyDescent="0.2">
      <c r="B256" s="11" t="s">
        <v>631</v>
      </c>
      <c r="C256" s="8" t="s">
        <v>284</v>
      </c>
      <c r="D256" s="8" t="s">
        <v>283</v>
      </c>
    </row>
    <row r="257" spans="2:4" ht="24.75" customHeight="1" x14ac:dyDescent="0.2">
      <c r="B257" s="11" t="s">
        <v>632</v>
      </c>
      <c r="C257" s="8" t="s">
        <v>289</v>
      </c>
      <c r="D257" s="8" t="s">
        <v>286</v>
      </c>
    </row>
    <row r="258" spans="2:4" ht="24.75" customHeight="1" x14ac:dyDescent="0.2">
      <c r="B258" s="11" t="s">
        <v>633</v>
      </c>
      <c r="C258" s="8" t="s">
        <v>290</v>
      </c>
      <c r="D258" s="8" t="s">
        <v>286</v>
      </c>
    </row>
    <row r="259" spans="2:4" ht="24.75" customHeight="1" x14ac:dyDescent="0.2">
      <c r="B259" s="11" t="s">
        <v>634</v>
      </c>
      <c r="C259" s="8" t="s">
        <v>291</v>
      </c>
      <c r="D259" s="8" t="s">
        <v>286</v>
      </c>
    </row>
    <row r="260" spans="2:4" ht="24.75" customHeight="1" x14ac:dyDescent="0.2">
      <c r="B260" s="11" t="s">
        <v>635</v>
      </c>
      <c r="C260" s="8" t="s">
        <v>292</v>
      </c>
      <c r="D260" s="8" t="s">
        <v>286</v>
      </c>
    </row>
    <row r="261" spans="2:4" ht="24.75" customHeight="1" x14ac:dyDescent="0.2">
      <c r="B261" s="11" t="s">
        <v>636</v>
      </c>
      <c r="C261" s="8" t="s">
        <v>293</v>
      </c>
      <c r="D261" s="8" t="s">
        <v>286</v>
      </c>
    </row>
    <row r="262" spans="2:4" ht="24.75" customHeight="1" x14ac:dyDescent="0.2">
      <c r="B262" s="11" t="s">
        <v>637</v>
      </c>
      <c r="C262" s="8" t="s">
        <v>294</v>
      </c>
      <c r="D262" s="8" t="s">
        <v>286</v>
      </c>
    </row>
    <row r="263" spans="2:4" ht="24.75" customHeight="1" x14ac:dyDescent="0.2">
      <c r="B263" s="11" t="s">
        <v>638</v>
      </c>
      <c r="C263" s="8" t="s">
        <v>295</v>
      </c>
      <c r="D263" s="8" t="s">
        <v>286</v>
      </c>
    </row>
    <row r="264" spans="2:4" ht="24.75" customHeight="1" x14ac:dyDescent="0.2">
      <c r="B264" s="11" t="s">
        <v>639</v>
      </c>
      <c r="C264" s="8" t="s">
        <v>296</v>
      </c>
      <c r="D264" s="8" t="s">
        <v>286</v>
      </c>
    </row>
    <row r="265" spans="2:4" ht="24.75" customHeight="1" x14ac:dyDescent="0.2">
      <c r="B265" s="11" t="s">
        <v>640</v>
      </c>
      <c r="C265" s="8" t="s">
        <v>297</v>
      </c>
      <c r="D265" s="8" t="s">
        <v>286</v>
      </c>
    </row>
    <row r="266" spans="2:4" ht="24.75" customHeight="1" x14ac:dyDescent="0.2">
      <c r="B266" s="11" t="s">
        <v>641</v>
      </c>
      <c r="C266" s="8" t="s">
        <v>298</v>
      </c>
      <c r="D266" s="8" t="s">
        <v>286</v>
      </c>
    </row>
    <row r="267" spans="2:4" ht="24.75" customHeight="1" x14ac:dyDescent="0.2">
      <c r="B267" s="11" t="s">
        <v>642</v>
      </c>
      <c r="C267" s="8" t="s">
        <v>5</v>
      </c>
      <c r="D267" s="8" t="s">
        <v>11</v>
      </c>
    </row>
    <row r="268" spans="2:4" ht="24.75" customHeight="1" x14ac:dyDescent="0.2">
      <c r="B268" s="11" t="s">
        <v>643</v>
      </c>
      <c r="C268" s="8" t="s">
        <v>5</v>
      </c>
      <c r="D268" s="8" t="s">
        <v>12</v>
      </c>
    </row>
    <row r="269" spans="2:4" ht="30.5" customHeight="1" x14ac:dyDescent="0.2">
      <c r="B269" s="11" t="s">
        <v>644</v>
      </c>
      <c r="C269" s="8" t="s">
        <v>74</v>
      </c>
      <c r="D269" s="8" t="s">
        <v>6</v>
      </c>
    </row>
    <row r="270" spans="2:4" ht="30.5" customHeight="1" x14ac:dyDescent="0.2">
      <c r="B270" s="11" t="s">
        <v>645</v>
      </c>
      <c r="C270" s="8" t="s">
        <v>74</v>
      </c>
      <c r="D270" s="8" t="s">
        <v>7</v>
      </c>
    </row>
    <row r="271" spans="2:4" ht="30.5" customHeight="1" x14ac:dyDescent="0.2">
      <c r="B271" s="11" t="s">
        <v>646</v>
      </c>
      <c r="C271" s="8" t="s">
        <v>247</v>
      </c>
      <c r="D271" s="8" t="s">
        <v>243</v>
      </c>
    </row>
    <row r="272" spans="2:4" ht="24.75" customHeight="1" x14ac:dyDescent="0.2">
      <c r="B272" s="11" t="s">
        <v>647</v>
      </c>
      <c r="C272" s="8" t="s">
        <v>245</v>
      </c>
      <c r="D272" s="8" t="s">
        <v>231</v>
      </c>
    </row>
    <row r="273" spans="2:4" ht="24.75" customHeight="1" x14ac:dyDescent="0.2">
      <c r="B273" s="11" t="s">
        <v>648</v>
      </c>
      <c r="C273" s="8" t="s">
        <v>245</v>
      </c>
      <c r="D273" s="8" t="s">
        <v>248</v>
      </c>
    </row>
    <row r="274" spans="2:4" ht="24.75" customHeight="1" x14ac:dyDescent="0.2">
      <c r="B274" s="11" t="s">
        <v>649</v>
      </c>
      <c r="C274" s="8" t="s">
        <v>246</v>
      </c>
      <c r="D274" s="8" t="s">
        <v>232</v>
      </c>
    </row>
    <row r="275" spans="2:4" ht="24.75" customHeight="1" x14ac:dyDescent="0.2">
      <c r="B275" s="11" t="s">
        <v>650</v>
      </c>
      <c r="C275" s="8" t="s">
        <v>246</v>
      </c>
      <c r="D275" s="8" t="s">
        <v>233</v>
      </c>
    </row>
    <row r="276" spans="2:4" ht="24.75" customHeight="1" x14ac:dyDescent="0.2">
      <c r="B276" s="11" t="s">
        <v>651</v>
      </c>
      <c r="C276" s="8" t="s">
        <v>246</v>
      </c>
      <c r="D276" s="8" t="s">
        <v>234</v>
      </c>
    </row>
    <row r="277" spans="2:4" ht="24.75" customHeight="1" x14ac:dyDescent="0.2">
      <c r="B277" s="11" t="s">
        <v>652</v>
      </c>
      <c r="C277" s="8" t="s">
        <v>246</v>
      </c>
      <c r="D277" s="8" t="s">
        <v>235</v>
      </c>
    </row>
    <row r="278" spans="2:4" ht="24.75" customHeight="1" x14ac:dyDescent="0.2">
      <c r="B278" s="11" t="s">
        <v>653</v>
      </c>
      <c r="C278" s="8" t="s">
        <v>246</v>
      </c>
      <c r="D278" s="8" t="s">
        <v>236</v>
      </c>
    </row>
    <row r="279" spans="2:4" ht="24.75" customHeight="1" x14ac:dyDescent="0.2">
      <c r="B279" s="11" t="s">
        <v>654</v>
      </c>
      <c r="C279" s="8" t="s">
        <v>246</v>
      </c>
      <c r="D279" s="8" t="s">
        <v>237</v>
      </c>
    </row>
    <row r="280" spans="2:4" ht="24.75" customHeight="1" x14ac:dyDescent="0.2">
      <c r="B280" s="11" t="s">
        <v>655</v>
      </c>
      <c r="C280" s="8" t="s">
        <v>246</v>
      </c>
      <c r="D280" s="8" t="s">
        <v>238</v>
      </c>
    </row>
    <row r="281" spans="2:4" ht="24.75" customHeight="1" x14ac:dyDescent="0.2">
      <c r="B281" s="11" t="s">
        <v>656</v>
      </c>
      <c r="C281" s="8" t="s">
        <v>246</v>
      </c>
      <c r="D281" s="8" t="s">
        <v>239</v>
      </c>
    </row>
    <row r="282" spans="2:4" ht="24.75" customHeight="1" x14ac:dyDescent="0.2">
      <c r="B282" s="11" t="s">
        <v>657</v>
      </c>
      <c r="C282" s="8" t="s">
        <v>246</v>
      </c>
      <c r="D282" s="8" t="s">
        <v>240</v>
      </c>
    </row>
    <row r="283" spans="2:4" ht="24.75" customHeight="1" x14ac:dyDescent="0.2">
      <c r="B283" s="11" t="s">
        <v>658</v>
      </c>
      <c r="C283" s="8" t="s">
        <v>246</v>
      </c>
      <c r="D283" s="8" t="s">
        <v>241</v>
      </c>
    </row>
    <row r="284" spans="2:4" ht="24.75" customHeight="1" x14ac:dyDescent="0.2">
      <c r="B284" s="11" t="s">
        <v>659</v>
      </c>
      <c r="C284" s="8" t="s">
        <v>246</v>
      </c>
      <c r="D284" s="8" t="s">
        <v>242</v>
      </c>
    </row>
    <row r="285" spans="2:4" ht="24.75" customHeight="1" x14ac:dyDescent="0.2">
      <c r="B285" s="11" t="s">
        <v>660</v>
      </c>
      <c r="C285" s="8" t="s">
        <v>246</v>
      </c>
      <c r="D285" s="8" t="s">
        <v>249</v>
      </c>
    </row>
    <row r="286" spans="2:4" ht="24.75" customHeight="1" x14ac:dyDescent="0.2">
      <c r="B286" s="11" t="s">
        <v>661</v>
      </c>
      <c r="C286" s="8" t="s">
        <v>244</v>
      </c>
      <c r="D286" s="8" t="s">
        <v>231</v>
      </c>
    </row>
    <row r="287" spans="2:4" ht="24.75" customHeight="1" x14ac:dyDescent="0.2">
      <c r="B287" s="11" t="s">
        <v>662</v>
      </c>
      <c r="C287" s="8" t="s">
        <v>244</v>
      </c>
      <c r="D287" s="8" t="s">
        <v>233</v>
      </c>
    </row>
    <row r="288" spans="2:4" ht="24.75" customHeight="1" x14ac:dyDescent="0.2">
      <c r="B288" s="11" t="s">
        <v>663</v>
      </c>
      <c r="C288" s="8" t="s">
        <v>244</v>
      </c>
      <c r="D288" s="8" t="s">
        <v>234</v>
      </c>
    </row>
    <row r="289" spans="2:4" ht="24.75" customHeight="1" x14ac:dyDescent="0.2">
      <c r="B289" s="11" t="s">
        <v>664</v>
      </c>
      <c r="C289" s="8" t="s">
        <v>244</v>
      </c>
      <c r="D289" s="8" t="s">
        <v>236</v>
      </c>
    </row>
    <row r="290" spans="2:4" ht="24.75" customHeight="1" x14ac:dyDescent="0.2">
      <c r="B290" s="11" t="s">
        <v>665</v>
      </c>
      <c r="C290" s="8" t="s">
        <v>244</v>
      </c>
      <c r="D290" s="8" t="s">
        <v>237</v>
      </c>
    </row>
    <row r="291" spans="2:4" ht="24.75" customHeight="1" x14ac:dyDescent="0.2">
      <c r="B291" s="11" t="s">
        <v>666</v>
      </c>
      <c r="C291" s="8" t="s">
        <v>244</v>
      </c>
      <c r="D291" s="8" t="s">
        <v>239</v>
      </c>
    </row>
    <row r="292" spans="2:4" ht="24.75" customHeight="1" x14ac:dyDescent="0.2">
      <c r="B292" s="11" t="s">
        <v>667</v>
      </c>
      <c r="C292" s="8" t="s">
        <v>244</v>
      </c>
      <c r="D292" s="8" t="s">
        <v>240</v>
      </c>
    </row>
    <row r="293" spans="2:4" ht="24.75" customHeight="1" x14ac:dyDescent="0.2">
      <c r="B293" s="11" t="s">
        <v>668</v>
      </c>
      <c r="C293" s="8" t="s">
        <v>244</v>
      </c>
      <c r="D293" s="8" t="s">
        <v>241</v>
      </c>
    </row>
    <row r="294" spans="2:4" ht="24.75" customHeight="1" x14ac:dyDescent="0.2">
      <c r="B294" s="11" t="s">
        <v>669</v>
      </c>
      <c r="C294" s="8" t="s">
        <v>244</v>
      </c>
      <c r="D294" s="8" t="s">
        <v>242</v>
      </c>
    </row>
    <row r="295" spans="2:4" ht="24.75" customHeight="1" x14ac:dyDescent="0.2">
      <c r="B295" s="11" t="s">
        <v>670</v>
      </c>
      <c r="C295" s="8" t="s">
        <v>244</v>
      </c>
      <c r="D295" s="8" t="s">
        <v>249</v>
      </c>
    </row>
    <row r="296" spans="2:4" ht="24.75" customHeight="1" x14ac:dyDescent="0.2">
      <c r="B296" s="11" t="s">
        <v>671</v>
      </c>
      <c r="C296" s="8" t="s">
        <v>354</v>
      </c>
      <c r="D296" s="8" t="s">
        <v>331</v>
      </c>
    </row>
    <row r="297" spans="2:4" ht="77.5" customHeight="1" x14ac:dyDescent="0.2">
      <c r="B297" s="11" t="s">
        <v>672</v>
      </c>
      <c r="C297" s="18" t="s">
        <v>361</v>
      </c>
      <c r="D297" s="8" t="s">
        <v>332</v>
      </c>
    </row>
    <row r="298" spans="2:4" ht="24.75" customHeight="1" x14ac:dyDescent="0.2">
      <c r="B298" s="11" t="s">
        <v>673</v>
      </c>
      <c r="C298" s="8" t="s">
        <v>355</v>
      </c>
      <c r="D298" s="8" t="s">
        <v>333</v>
      </c>
    </row>
    <row r="299" spans="2:4" ht="24.75" customHeight="1" x14ac:dyDescent="0.2">
      <c r="B299" s="11" t="s">
        <v>318</v>
      </c>
      <c r="C299" s="8" t="s">
        <v>355</v>
      </c>
      <c r="D299" s="8" t="s">
        <v>334</v>
      </c>
    </row>
    <row r="300" spans="2:4" ht="24.75" customHeight="1" x14ac:dyDescent="0.2">
      <c r="B300" s="11" t="s">
        <v>319</v>
      </c>
      <c r="C300" s="8" t="s">
        <v>355</v>
      </c>
      <c r="D300" s="8" t="s">
        <v>335</v>
      </c>
    </row>
    <row r="301" spans="2:4" ht="24.75" customHeight="1" x14ac:dyDescent="0.2">
      <c r="B301" s="11" t="s">
        <v>320</v>
      </c>
      <c r="C301" s="8" t="s">
        <v>355</v>
      </c>
      <c r="D301" s="8" t="s">
        <v>336</v>
      </c>
    </row>
    <row r="302" spans="2:4" ht="24.75" customHeight="1" x14ac:dyDescent="0.2">
      <c r="B302" s="11" t="s">
        <v>321</v>
      </c>
      <c r="C302" s="8" t="s">
        <v>355</v>
      </c>
      <c r="D302" s="8" t="s">
        <v>337</v>
      </c>
    </row>
    <row r="303" spans="2:4" ht="24.75" customHeight="1" x14ac:dyDescent="0.2">
      <c r="B303" s="11" t="s">
        <v>322</v>
      </c>
      <c r="C303" s="8" t="s">
        <v>355</v>
      </c>
      <c r="D303" s="8" t="s">
        <v>338</v>
      </c>
    </row>
    <row r="304" spans="2:4" ht="24.75" customHeight="1" x14ac:dyDescent="0.2">
      <c r="B304" s="11" t="s">
        <v>323</v>
      </c>
      <c r="C304" s="8" t="s">
        <v>355</v>
      </c>
      <c r="D304" s="8" t="s">
        <v>339</v>
      </c>
    </row>
    <row r="305" spans="2:4" ht="24.75" customHeight="1" x14ac:dyDescent="0.2">
      <c r="B305" s="11" t="s">
        <v>324</v>
      </c>
      <c r="C305" s="8" t="s">
        <v>355</v>
      </c>
      <c r="D305" s="8" t="s">
        <v>340</v>
      </c>
    </row>
    <row r="306" spans="2:4" ht="24.75" customHeight="1" x14ac:dyDescent="0.2">
      <c r="B306" s="11" t="s">
        <v>325</v>
      </c>
      <c r="C306" s="8" t="s">
        <v>355</v>
      </c>
      <c r="D306" s="8" t="s">
        <v>341</v>
      </c>
    </row>
    <row r="307" spans="2:4" ht="24.75" customHeight="1" x14ac:dyDescent="0.2">
      <c r="B307" s="11" t="s">
        <v>326</v>
      </c>
      <c r="C307" s="8" t="s">
        <v>355</v>
      </c>
      <c r="D307" s="8" t="s">
        <v>342</v>
      </c>
    </row>
    <row r="308" spans="2:4" ht="24.75" customHeight="1" x14ac:dyDescent="0.2">
      <c r="B308" s="11" t="s">
        <v>674</v>
      </c>
      <c r="C308" s="8" t="s">
        <v>356</v>
      </c>
      <c r="D308" s="8" t="s">
        <v>343</v>
      </c>
    </row>
    <row r="309" spans="2:4" ht="24.75" customHeight="1" x14ac:dyDescent="0.2">
      <c r="B309" s="11" t="s">
        <v>675</v>
      </c>
      <c r="C309" s="8" t="s">
        <v>357</v>
      </c>
      <c r="D309" s="8" t="s">
        <v>344</v>
      </c>
    </row>
    <row r="310" spans="2:4" ht="24.75" customHeight="1" x14ac:dyDescent="0.2">
      <c r="B310" s="11" t="s">
        <v>676</v>
      </c>
      <c r="C310" s="8" t="s">
        <v>357</v>
      </c>
      <c r="D310" s="8" t="s">
        <v>345</v>
      </c>
    </row>
    <row r="311" spans="2:4" ht="24.75" customHeight="1" x14ac:dyDescent="0.2">
      <c r="B311" s="11" t="s">
        <v>677</v>
      </c>
      <c r="C311" s="8" t="s">
        <v>358</v>
      </c>
      <c r="D311" s="8" t="s">
        <v>346</v>
      </c>
    </row>
    <row r="312" spans="2:4" ht="24.75" customHeight="1" x14ac:dyDescent="0.2">
      <c r="B312" s="11" t="s">
        <v>678</v>
      </c>
      <c r="C312" s="8" t="s">
        <v>358</v>
      </c>
      <c r="D312" s="8" t="s">
        <v>347</v>
      </c>
    </row>
    <row r="313" spans="2:4" ht="24.75" customHeight="1" x14ac:dyDescent="0.2">
      <c r="B313" s="11" t="s">
        <v>679</v>
      </c>
      <c r="C313" s="8" t="s">
        <v>359</v>
      </c>
      <c r="D313" s="8" t="s">
        <v>348</v>
      </c>
    </row>
    <row r="314" spans="2:4" ht="24.75" customHeight="1" x14ac:dyDescent="0.2">
      <c r="B314" s="11" t="s">
        <v>327</v>
      </c>
      <c r="C314" s="8" t="s">
        <v>359</v>
      </c>
      <c r="D314" s="8" t="s">
        <v>349</v>
      </c>
    </row>
    <row r="315" spans="2:4" ht="24.75" customHeight="1" x14ac:dyDescent="0.2">
      <c r="B315" s="11" t="s">
        <v>328</v>
      </c>
      <c r="C315" s="8" t="s">
        <v>359</v>
      </c>
      <c r="D315" s="8" t="s">
        <v>350</v>
      </c>
    </row>
    <row r="316" spans="2:4" ht="24.75" customHeight="1" x14ac:dyDescent="0.2">
      <c r="B316" s="11" t="s">
        <v>329</v>
      </c>
      <c r="C316" s="8" t="s">
        <v>359</v>
      </c>
      <c r="D316" s="8" t="s">
        <v>351</v>
      </c>
    </row>
    <row r="317" spans="2:4" ht="24.75" customHeight="1" x14ac:dyDescent="0.2">
      <c r="B317" s="11" t="s">
        <v>330</v>
      </c>
      <c r="C317" s="8" t="s">
        <v>359</v>
      </c>
      <c r="D317" s="8" t="s">
        <v>352</v>
      </c>
    </row>
    <row r="318" spans="2:4" ht="24.75" customHeight="1" x14ac:dyDescent="0.2">
      <c r="B318" s="11" t="s">
        <v>680</v>
      </c>
      <c r="C318" s="8" t="s">
        <v>360</v>
      </c>
      <c r="D318" s="8" t="s">
        <v>353</v>
      </c>
    </row>
    <row r="319" spans="2:4" ht="24.75" customHeight="1" x14ac:dyDescent="0.2">
      <c r="C319" s="15"/>
      <c r="D319" s="19"/>
    </row>
  </sheetData>
  <sheetProtection selectLockedCells="1" selectUnlockedCells="1"/>
  <autoFilter ref="B4:D319"/>
  <sortState ref="B5:E269">
    <sortCondition ref="B5"/>
  </sortState>
  <mergeCells count="1">
    <mergeCell ref="B2:D2"/>
  </mergeCells>
  <phoneticPr fontId="1"/>
  <pageMargins left="0.39370078740157483" right="0.15748031496062992" top="0.7" bottom="0.6" header="0.39370078740157483" footer="0.27559055118110237"/>
  <pageSetup paperSize="9" fitToHeight="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Sheet1</vt:lpstr>
      <vt:lpstr>Sheet1!Print_Area</vt:lpstr>
      <vt:lpstr>Sheet1!Print_Titles</vt:lpstr>
    </vt:vector>
  </TitlesOfParts>
  <Company>島根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根県総務課</dc:creator>
  <cp:lastModifiedBy>御輿　礼奈</cp:lastModifiedBy>
  <cp:lastPrinted>2024-03-19T05:45:40Z</cp:lastPrinted>
  <dcterms:created xsi:type="dcterms:W3CDTF">2003-01-22T04:38:12Z</dcterms:created>
  <dcterms:modified xsi:type="dcterms:W3CDTF">2024-03-19T06:00:14Z</dcterms:modified>
</cp:coreProperties>
</file>